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theme/theme2.xml" ContentType="application/vnd.openxmlformats-officedocument.theme+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648" r:id="rId87"/>
    <p:sldMasterId id="2147483749" r:id="rId88"/>
    <p:sldMasterId id="2147483780" r:id="rId89"/>
  </p:sldMasterIdLst>
  <p:notesMasterIdLst>
    <p:notesMasterId r:id="rId115"/>
  </p:notesMasterIdLst>
  <p:handoutMasterIdLst>
    <p:handoutMasterId r:id="rId116"/>
  </p:handoutMasterIdLst>
  <p:sldIdLst>
    <p:sldId id="565" r:id="rId90"/>
    <p:sldId id="2147375082" r:id="rId91"/>
    <p:sldId id="290" r:id="rId92"/>
    <p:sldId id="2147375084" r:id="rId93"/>
    <p:sldId id="899" r:id="rId94"/>
    <p:sldId id="2147375083" r:id="rId95"/>
    <p:sldId id="2113417724" r:id="rId96"/>
    <p:sldId id="2147375080" r:id="rId97"/>
    <p:sldId id="2147375081" r:id="rId98"/>
    <p:sldId id="2113417723" r:id="rId99"/>
    <p:sldId id="536" r:id="rId100"/>
    <p:sldId id="530" r:id="rId101"/>
    <p:sldId id="531" r:id="rId102"/>
    <p:sldId id="571" r:id="rId103"/>
    <p:sldId id="2113416492" r:id="rId104"/>
    <p:sldId id="2113416494" r:id="rId105"/>
    <p:sldId id="2113416491" r:id="rId106"/>
    <p:sldId id="2113416493" r:id="rId107"/>
    <p:sldId id="288" r:id="rId108"/>
    <p:sldId id="545" r:id="rId109"/>
    <p:sldId id="546" r:id="rId110"/>
    <p:sldId id="548" r:id="rId111"/>
    <p:sldId id="552" r:id="rId112"/>
    <p:sldId id="2147375085" r:id="rId113"/>
    <p:sldId id="319" r:id="rId114"/>
  </p:sldIdLst>
  <p:sldSz cx="12192000" cy="6858000"/>
  <p:notesSz cx="6858000" cy="9144000"/>
  <p:custDataLst>
    <p:custData r:id="rId26"/>
    <p:custData r:id="rId1"/>
    <p:custData r:id="rId37"/>
    <p:custData r:id="rId12"/>
    <p:custData r:id="rId23"/>
    <p:custData r:id="rId73"/>
    <p:custData r:id="rId22"/>
    <p:custData r:id="rId43"/>
    <p:custData r:id="rId14"/>
    <p:custData r:id="rId4"/>
    <p:custData r:id="rId52"/>
    <p:custData r:id="rId34"/>
    <p:custData r:id="rId67"/>
    <p:custData r:id="rId15"/>
    <p:custData r:id="rId75"/>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pos="360" userDrawn="1">
          <p15:clr>
            <a:srgbClr val="A4A3A4"/>
          </p15:clr>
        </p15:guide>
        <p15:guide id="3" orient="horz" pos="3864" userDrawn="1">
          <p15:clr>
            <a:srgbClr val="A4A3A4"/>
          </p15:clr>
        </p15:guide>
        <p15:guide id="4" pos="2448" userDrawn="1">
          <p15:clr>
            <a:srgbClr val="A4A3A4"/>
          </p15:clr>
        </p15:guide>
        <p15:guide id="5" pos="3840" userDrawn="1">
          <p15:clr>
            <a:srgbClr val="A4A3A4"/>
          </p15:clr>
        </p15:guide>
        <p15:guide id="6" pos="5160" userDrawn="1">
          <p15:clr>
            <a:srgbClr val="A4A3A4"/>
          </p15:clr>
        </p15:guide>
        <p15:guide id="7" pos="6408"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02B4E"/>
    <a:srgbClr val="FFCC32"/>
    <a:srgbClr val="0033CC"/>
    <a:srgbClr val="FFF5D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6ADE33E-67FD-4F17-B0D8-90796B9A74D8}" v="3" dt="2025-10-10T21:05:45.766"/>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548" autoAdjust="0"/>
    <p:restoredTop sz="94944" autoAdjust="0"/>
  </p:normalViewPr>
  <p:slideViewPr>
    <p:cSldViewPr snapToGrid="0">
      <p:cViewPr varScale="1">
        <p:scale>
          <a:sx n="82" d="100"/>
          <a:sy n="82" d="100"/>
        </p:scale>
        <p:origin x="557" y="288"/>
      </p:cViewPr>
      <p:guideLst>
        <p:guide pos="360"/>
        <p:guide orient="horz" pos="3864"/>
        <p:guide pos="2448"/>
        <p:guide pos="3840"/>
        <p:guide pos="5160"/>
        <p:guide pos="6408"/>
      </p:guideLst>
    </p:cSldViewPr>
  </p:slideViewPr>
  <p:notesTextViewPr>
    <p:cViewPr>
      <p:scale>
        <a:sx n="100" d="100"/>
        <a:sy n="100" d="100"/>
      </p:scale>
      <p:origin x="0" y="0"/>
    </p:cViewPr>
  </p:notesTextViewPr>
  <p:sorterViewPr>
    <p:cViewPr varScale="1">
      <p:scale>
        <a:sx n="100" d="100"/>
        <a:sy n="100" d="100"/>
      </p:scale>
      <p:origin x="0" y="-1944"/>
    </p:cViewPr>
  </p:sorter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presProps" Target="presProps.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customXml" Target="../customXml/item84.xml"/><Relationship Id="rId89" Type="http://schemas.openxmlformats.org/officeDocument/2006/relationships/slideMaster" Target="slideMasters/slideMaster3.xml"/><Relationship Id="rId112" Type="http://schemas.openxmlformats.org/officeDocument/2006/relationships/slide" Target="slides/slide23.xml"/><Relationship Id="rId16" Type="http://schemas.openxmlformats.org/officeDocument/2006/relationships/customXml" Target="../customXml/item16.xml"/><Relationship Id="rId107" Type="http://schemas.openxmlformats.org/officeDocument/2006/relationships/slide" Target="slides/slide18.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slide" Target="slides/slide13.xml"/><Relationship Id="rId5" Type="http://schemas.openxmlformats.org/officeDocument/2006/relationships/customXml" Target="../customXml/item5.xml"/><Relationship Id="rId90" Type="http://schemas.openxmlformats.org/officeDocument/2006/relationships/slide" Target="slides/slide1.xml"/><Relationship Id="rId95" Type="http://schemas.openxmlformats.org/officeDocument/2006/relationships/slide" Target="slides/slide6.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slide" Target="slides/slide24.xml"/><Relationship Id="rId118" Type="http://schemas.openxmlformats.org/officeDocument/2006/relationships/viewProps" Target="viewProps.xml"/><Relationship Id="rId80" Type="http://schemas.openxmlformats.org/officeDocument/2006/relationships/customXml" Target="../customXml/item80.xml"/><Relationship Id="rId85" Type="http://schemas.openxmlformats.org/officeDocument/2006/relationships/customXml" Target="../customXml/item85.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14.xml"/><Relationship Id="rId108" Type="http://schemas.openxmlformats.org/officeDocument/2006/relationships/slide" Target="slides/slide19.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slide" Target="slides/slide2.xml"/><Relationship Id="rId96" Type="http://schemas.openxmlformats.org/officeDocument/2006/relationships/slide" Target="slides/slide7.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25.xml"/><Relationship Id="rId119" Type="http://schemas.openxmlformats.org/officeDocument/2006/relationships/theme" Target="theme/theme1.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20.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8.xml"/><Relationship Id="rId104" Type="http://schemas.openxmlformats.org/officeDocument/2006/relationships/slide" Target="slides/slide15.xml"/><Relationship Id="rId120" Type="http://schemas.openxmlformats.org/officeDocument/2006/relationships/tableStyles" Target="tableStyles.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3.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Master" Target="slideMasters/slideMaster1.xml"/><Relationship Id="rId110" Type="http://schemas.openxmlformats.org/officeDocument/2006/relationships/slide" Target="slides/slide21.xml"/><Relationship Id="rId115" Type="http://schemas.openxmlformats.org/officeDocument/2006/relationships/notesMaster" Target="notesMasters/notesMaster1.xml"/><Relationship Id="rId61" Type="http://schemas.openxmlformats.org/officeDocument/2006/relationships/customXml" Target="../customXml/item61.xml"/><Relationship Id="rId82" Type="http://schemas.openxmlformats.org/officeDocument/2006/relationships/customXml" Target="../customXml/item82.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slide" Target="slides/slide11.xml"/><Relationship Id="rId105" Type="http://schemas.openxmlformats.org/officeDocument/2006/relationships/slide" Target="slides/slide16.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slide" Target="slides/slide4.xml"/><Relationship Id="rId98" Type="http://schemas.openxmlformats.org/officeDocument/2006/relationships/slide" Target="slides/slide9.xml"/><Relationship Id="rId121" Type="http://schemas.microsoft.com/office/2016/11/relationships/changesInfo" Target="changesInfos/changesInfo1.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handoutMaster" Target="handoutMasters/handoutMaster1.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slideMaster" Target="slideMasters/slideMaster2.xml"/><Relationship Id="rId111" Type="http://schemas.openxmlformats.org/officeDocument/2006/relationships/slide" Target="slides/slide22.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1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slide" Target="slides/slide5.xml"/><Relationship Id="rId99" Type="http://schemas.openxmlformats.org/officeDocument/2006/relationships/slide" Target="slides/slide10.xml"/><Relationship Id="rId101" Type="http://schemas.openxmlformats.org/officeDocument/2006/relationships/slide" Target="slides/slide12.xml"/><Relationship Id="rId122" Type="http://schemas.microsoft.com/office/2015/10/relationships/revisionInfo" Target="revisionInfo.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Larry Reinker" userId="e10052ba-5f67-4142-b22d-c9c58a0182fa" providerId="ADAL" clId="{E6ADE33E-67FD-4F17-B0D8-90796B9A74D8}"/>
    <pc:docChg chg="custSel addSld modSld">
      <pc:chgData name="Larry Reinker" userId="e10052ba-5f67-4142-b22d-c9c58a0182fa" providerId="ADAL" clId="{E6ADE33E-67FD-4F17-B0D8-90796B9A74D8}" dt="2025-10-10T21:37:13.415" v="1212" actId="20577"/>
      <pc:docMkLst>
        <pc:docMk/>
      </pc:docMkLst>
      <pc:sldChg chg="modSp mod">
        <pc:chgData name="Larry Reinker" userId="e10052ba-5f67-4142-b22d-c9c58a0182fa" providerId="ADAL" clId="{E6ADE33E-67FD-4F17-B0D8-90796B9A74D8}" dt="2025-10-10T21:37:13.415" v="1212" actId="20577"/>
        <pc:sldMkLst>
          <pc:docMk/>
          <pc:sldMk cId="3341102829" sldId="899"/>
        </pc:sldMkLst>
        <pc:spChg chg="mod">
          <ac:chgData name="Larry Reinker" userId="e10052ba-5f67-4142-b22d-c9c58a0182fa" providerId="ADAL" clId="{E6ADE33E-67FD-4F17-B0D8-90796B9A74D8}" dt="2025-10-10T21:37:13.415" v="1212" actId="20577"/>
          <ac:spMkLst>
            <pc:docMk/>
            <pc:sldMk cId="3341102829" sldId="899"/>
            <ac:spMk id="3" creationId="{F61BBC72-2AB4-CB73-2565-72C981A79B11}"/>
          </ac:spMkLst>
        </pc:spChg>
      </pc:sldChg>
      <pc:sldChg chg="modSp mod">
        <pc:chgData name="Larry Reinker" userId="e10052ba-5f67-4142-b22d-c9c58a0182fa" providerId="ADAL" clId="{E6ADE33E-67FD-4F17-B0D8-90796B9A74D8}" dt="2025-10-10T21:10:32.643" v="659" actId="20577"/>
        <pc:sldMkLst>
          <pc:docMk/>
          <pc:sldMk cId="418454391" sldId="2147375082"/>
        </pc:sldMkLst>
        <pc:spChg chg="mod">
          <ac:chgData name="Larry Reinker" userId="e10052ba-5f67-4142-b22d-c9c58a0182fa" providerId="ADAL" clId="{E6ADE33E-67FD-4F17-B0D8-90796B9A74D8}" dt="2025-10-10T21:10:32.643" v="659" actId="20577"/>
          <ac:spMkLst>
            <pc:docMk/>
            <pc:sldMk cId="418454391" sldId="2147375082"/>
            <ac:spMk id="23" creationId="{2A7001D3-1E61-6142-BBC2-D2F756A25588}"/>
          </ac:spMkLst>
        </pc:spChg>
      </pc:sldChg>
      <pc:sldChg chg="addSp modSp add mod">
        <pc:chgData name="Larry Reinker" userId="e10052ba-5f67-4142-b22d-c9c58a0182fa" providerId="ADAL" clId="{E6ADE33E-67FD-4F17-B0D8-90796B9A74D8}" dt="2025-10-10T21:08:09.873" v="631" actId="20577"/>
        <pc:sldMkLst>
          <pc:docMk/>
          <pc:sldMk cId="140680897" sldId="2147375084"/>
        </pc:sldMkLst>
        <pc:spChg chg="mod">
          <ac:chgData name="Larry Reinker" userId="e10052ba-5f67-4142-b22d-c9c58a0182fa" providerId="ADAL" clId="{E6ADE33E-67FD-4F17-B0D8-90796B9A74D8}" dt="2025-10-10T21:05:10.503" v="407" actId="1076"/>
          <ac:spMkLst>
            <pc:docMk/>
            <pc:sldMk cId="140680897" sldId="2147375084"/>
            <ac:spMk id="3" creationId="{A7F674E4-5AD3-AF34-6C12-96B9AC1207D7}"/>
          </ac:spMkLst>
        </pc:spChg>
        <pc:spChg chg="add mod">
          <ac:chgData name="Larry Reinker" userId="e10052ba-5f67-4142-b22d-c9c58a0182fa" providerId="ADAL" clId="{E6ADE33E-67FD-4F17-B0D8-90796B9A74D8}" dt="2025-10-10T21:08:09.873" v="631" actId="20577"/>
          <ac:spMkLst>
            <pc:docMk/>
            <pc:sldMk cId="140680897" sldId="2147375084"/>
            <ac:spMk id="6" creationId="{94CD6B3A-E823-377F-E719-1A60F82AC7A2}"/>
          </ac:spMkLst>
        </pc:spChg>
        <pc:picChg chg="add mod">
          <ac:chgData name="Larry Reinker" userId="e10052ba-5f67-4142-b22d-c9c58a0182fa" providerId="ADAL" clId="{E6ADE33E-67FD-4F17-B0D8-90796B9A74D8}" dt="2025-10-10T21:05:10.503" v="407" actId="1076"/>
          <ac:picMkLst>
            <pc:docMk/>
            <pc:sldMk cId="140680897" sldId="2147375084"/>
            <ac:picMk id="1026" creationId="{A1201283-E020-94A3-DF5B-C79BF997A09C}"/>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0D7D355F-6A0A-9A44-9A86-BBB7A3FB7ABC}"/>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5B14D94C-BB17-0640-BA47-552B87F53052}"/>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DB608873-BE3F-8D4D-85F6-DFB01A9114E1}" type="datetimeFigureOut">
              <a:rPr lang="en-US" smtClean="0"/>
              <a:t>10/12/2025</a:t>
            </a:fld>
            <a:endParaRPr lang="en-US"/>
          </a:p>
        </p:txBody>
      </p:sp>
      <p:sp>
        <p:nvSpPr>
          <p:cNvPr id="4" name="Footer Placeholder 3">
            <a:extLst>
              <a:ext uri="{FF2B5EF4-FFF2-40B4-BE49-F238E27FC236}">
                <a16:creationId xmlns:a16="http://schemas.microsoft.com/office/drawing/2014/main" id="{72F0688C-4EE0-BE49-9B93-929E3D47A5E1}"/>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F1771856-1133-F74A-A5C1-5F1A7BDB6B1C}"/>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4623258D-A12E-5342-B29E-8AFD52A93CAB}" type="slidenum">
              <a:rPr lang="en-US" smtClean="0"/>
              <a:t>‹#›</a:t>
            </a:fld>
            <a:endParaRPr lang="en-US"/>
          </a:p>
        </p:txBody>
      </p:sp>
    </p:spTree>
    <p:extLst>
      <p:ext uri="{BB962C8B-B14F-4D97-AF65-F5344CB8AC3E}">
        <p14:creationId xmlns:p14="http://schemas.microsoft.com/office/powerpoint/2010/main" val="1039559910"/>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A231DAB-D277-3A44-8C93-6425F36B32AE}" type="datetimeFigureOut">
              <a:rPr lang="en-US" smtClean="0"/>
              <a:t>10/12/2025</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A507E2-913B-954E-84AC-02C5300DF5C5}" type="slidenum">
              <a:rPr lang="en-US" smtClean="0"/>
              <a:t>‹#›</a:t>
            </a:fld>
            <a:endParaRPr lang="en-US"/>
          </a:p>
        </p:txBody>
      </p:sp>
    </p:spTree>
    <p:extLst>
      <p:ext uri="{BB962C8B-B14F-4D97-AF65-F5344CB8AC3E}">
        <p14:creationId xmlns:p14="http://schemas.microsoft.com/office/powerpoint/2010/main" val="44428962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b="0" i="0" dirty="0">
                <a:solidFill>
                  <a:srgbClr val="F8F8F2"/>
                </a:solidFill>
                <a:effectLst/>
                <a:latin typeface="SFMono-Regular"/>
              </a:rPr>
              <a:t>#-- </a:t>
            </a:r>
            <a:r>
              <a:rPr lang="en-GB" b="0" i="0" dirty="0" err="1">
                <a:solidFill>
                  <a:srgbClr val="F8F8F2"/>
                </a:solidFill>
                <a:effectLst/>
                <a:latin typeface="SFMono-Regular"/>
              </a:rPr>
              <a:t>DocuMotor</a:t>
            </a:r>
            <a:r>
              <a:rPr lang="en-GB" b="0" i="0" dirty="0">
                <a:solidFill>
                  <a:srgbClr val="F8F8F2"/>
                </a:solidFill>
                <a:effectLst/>
                <a:latin typeface="SFMono-Regular"/>
              </a:rPr>
              <a:t>-Binding-Variables --#  </a:t>
            </a:r>
          </a:p>
          <a:p>
            <a:r>
              <a:rPr lang="en-GB" b="0" i="0" dirty="0">
                <a:solidFill>
                  <a:srgbClr val="F8F8F2"/>
                </a:solidFill>
                <a:effectLst/>
                <a:latin typeface="SFMono-Regular"/>
              </a:rPr>
              <a:t>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dirty="0" err="1">
                <a:solidFill>
                  <a:schemeClr val="bg1"/>
                </a:solidFill>
                <a:latin typeface="Open Sans" panose="020B0606030504020204" pitchFamily="34" charset="0"/>
                <a:ea typeface="Open Sans" panose="020B0606030504020204" pitchFamily="34" charset="0"/>
                <a:cs typeface="Open Sans" panose="020B0606030504020204" pitchFamily="34" charset="0"/>
              </a:rPr>
              <a:t>PresentationDate</a:t>
            </a:r>
            <a:r>
              <a:rPr lang="en-GB" b="0" i="0" dirty="0">
                <a:solidFill>
                  <a:srgbClr val="F8F8F2"/>
                </a:solidFill>
                <a:effectLst/>
                <a:latin typeface="SFMono-Regular"/>
              </a:rPr>
              <a:t>:&lt;&lt;</a:t>
            </a:r>
            <a:r>
              <a:rPr lang="en-GB" b="0" i="0" dirty="0" err="1">
                <a:solidFill>
                  <a:srgbClr val="F8F8F2"/>
                </a:solidFill>
                <a:effectLst/>
                <a:latin typeface="SFMono-Regular"/>
              </a:rPr>
              <a:t>Field:data.</a:t>
            </a:r>
            <a:r>
              <a:rPr lang="en-GB" b="0" dirty="0" err="1">
                <a:solidFill>
                  <a:srgbClr val="A31515"/>
                </a:solidFill>
                <a:effectLst/>
                <a:latin typeface="Consolas" panose="020B0609020204030204" pitchFamily="49" charset="0"/>
              </a:rPr>
              <a:t>date</a:t>
            </a:r>
            <a:r>
              <a:rPr lang="en-GB" b="0" i="0" dirty="0">
                <a:solidFill>
                  <a:srgbClr val="F8F8F2"/>
                </a:solidFill>
                <a:effectLst/>
                <a:latin typeface="SFMono-Regular"/>
              </a:rPr>
              <a:t>&gt;&gt;</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solidFill>
                  <a:schemeClr val="bg1"/>
                </a:solidFill>
                <a:latin typeface="Open Sans" panose="020B0606030504020204" pitchFamily="34" charset="0"/>
                <a:ea typeface="Open Sans" panose="020B0606030504020204" pitchFamily="34" charset="0"/>
                <a:cs typeface="Open Sans" panose="020B0606030504020204" pitchFamily="34" charset="0"/>
              </a:rPr>
              <a:t>ID</a:t>
            </a:r>
            <a:r>
              <a:rPr lang="en-GB" b="0" i="0" dirty="0">
                <a:solidFill>
                  <a:srgbClr val="F8F8F2"/>
                </a:solidFill>
                <a:effectLst/>
                <a:latin typeface="SFMono-Regular"/>
              </a:rPr>
              <a:t>:&lt;&lt;</a:t>
            </a:r>
            <a:r>
              <a:rPr lang="en-GB" b="0" i="0" dirty="0" err="1">
                <a:solidFill>
                  <a:srgbClr val="F8F8F2"/>
                </a:solidFill>
                <a:effectLst/>
                <a:latin typeface="SFMono-Regular"/>
              </a:rPr>
              <a:t>Field:data.</a:t>
            </a:r>
            <a:r>
              <a:rPr lang="en-GB" b="0" dirty="0" err="1">
                <a:solidFill>
                  <a:srgbClr val="A31515"/>
                </a:solidFill>
                <a:effectLst/>
                <a:latin typeface="Consolas" panose="020B0609020204030204" pitchFamily="49" charset="0"/>
              </a:rPr>
              <a:t>customerId</a:t>
            </a:r>
            <a:r>
              <a:rPr lang="en-GB" b="0" i="0" dirty="0">
                <a:solidFill>
                  <a:srgbClr val="F8F8F2"/>
                </a:solidFill>
                <a:effectLst/>
                <a:latin typeface="SFMono-Regular"/>
              </a:rPr>
              <a:t>&gt;&gt;</a:t>
            </a:r>
            <a:endParaRPr lang="en-US" sz="1200" dirty="0">
              <a:solidFill>
                <a:schemeClr val="bg1"/>
              </a:solidFill>
              <a:latin typeface="Open Sans" panose="020B0606030504020204" pitchFamily="34" charset="0"/>
              <a:ea typeface="Open Sans" panose="020B0606030504020204" pitchFamily="34" charset="0"/>
              <a:cs typeface="Open Sans" panose="020B0606030504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err="1">
                <a:solidFill>
                  <a:schemeClr val="bg1"/>
                </a:solidFill>
                <a:latin typeface="Open Sans" panose="020B0606030504020204" pitchFamily="34" charset="0"/>
                <a:ea typeface="Open Sans" panose="020B0606030504020204" pitchFamily="34" charset="0"/>
                <a:cs typeface="Open Sans" panose="020B0606030504020204" pitchFamily="34" charset="0"/>
              </a:rPr>
              <a:t>CustomerName</a:t>
            </a:r>
            <a:r>
              <a:rPr lang="en-US" sz="1200" dirty="0">
                <a:solidFill>
                  <a:schemeClr val="bg1"/>
                </a:solidFill>
                <a:latin typeface="Open Sans" panose="020B0606030504020204" pitchFamily="34" charset="0"/>
                <a:ea typeface="Open Sans" panose="020B0606030504020204" pitchFamily="34" charset="0"/>
                <a:cs typeface="Open Sans" panose="020B0606030504020204" pitchFamily="34" charset="0"/>
              </a:rPr>
              <a:t>:</a:t>
            </a:r>
            <a:r>
              <a:rPr lang="en-GB" b="0" i="0" dirty="0">
                <a:solidFill>
                  <a:srgbClr val="F8F8F2"/>
                </a:solidFill>
                <a:effectLst/>
                <a:latin typeface="SFMono-Regular"/>
              </a:rPr>
              <a:t>&lt;&lt;</a:t>
            </a:r>
            <a:r>
              <a:rPr lang="en-GB" b="0" i="0" dirty="0" err="1">
                <a:solidFill>
                  <a:srgbClr val="F8F8F2"/>
                </a:solidFill>
                <a:effectLst/>
                <a:latin typeface="SFMono-Regular"/>
              </a:rPr>
              <a:t>Field:data.</a:t>
            </a:r>
            <a:r>
              <a:rPr lang="en-GB" b="0" dirty="0" err="1">
                <a:solidFill>
                  <a:srgbClr val="A31515"/>
                </a:solidFill>
                <a:effectLst/>
                <a:latin typeface="Consolas" panose="020B0609020204030204" pitchFamily="49" charset="0"/>
              </a:rPr>
              <a:t>customerName</a:t>
            </a:r>
            <a:r>
              <a:rPr lang="en-GB" b="0" i="0" dirty="0">
                <a:solidFill>
                  <a:srgbClr val="F8F8F2"/>
                </a:solidFill>
                <a:effectLst/>
                <a:latin typeface="SFMono-Regular"/>
              </a:rPr>
              <a:t>&gt;&gt;</a:t>
            </a:r>
            <a:endParaRPr lang="en-US" sz="1200" dirty="0">
              <a:solidFill>
                <a:schemeClr val="bg1"/>
              </a:solidFill>
              <a:latin typeface="Open Sans" panose="020B0606030504020204" pitchFamily="34" charset="0"/>
              <a:ea typeface="Open Sans" panose="020B0606030504020204" pitchFamily="34" charset="0"/>
              <a:cs typeface="Open Sans" panose="020B0606030504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err="1">
                <a:solidFill>
                  <a:schemeClr val="bg1"/>
                </a:solidFill>
                <a:latin typeface="Open Sans" panose="020B0606030504020204" pitchFamily="34" charset="0"/>
                <a:ea typeface="Open Sans" panose="020B0606030504020204" pitchFamily="34" charset="0"/>
                <a:cs typeface="Open Sans" panose="020B0606030504020204" pitchFamily="34" charset="0"/>
              </a:rPr>
              <a:t>ReviewPeriod</a:t>
            </a:r>
            <a:r>
              <a:rPr lang="en-US" sz="1200" dirty="0">
                <a:solidFill>
                  <a:schemeClr val="bg1"/>
                </a:solidFill>
                <a:latin typeface="Open Sans" panose="020B0606030504020204" pitchFamily="34" charset="0"/>
                <a:ea typeface="Open Sans" panose="020B0606030504020204" pitchFamily="34" charset="0"/>
                <a:cs typeface="Open Sans" panose="020B0606030504020204" pitchFamily="34" charset="0"/>
              </a:rPr>
              <a:t>:</a:t>
            </a:r>
            <a:r>
              <a:rPr lang="en-GB" b="0" i="0" dirty="0">
                <a:solidFill>
                  <a:srgbClr val="F8F8F2"/>
                </a:solidFill>
                <a:effectLst/>
                <a:latin typeface="SFMono-Regular"/>
              </a:rPr>
              <a:t>&lt;&lt;</a:t>
            </a:r>
            <a:r>
              <a:rPr lang="en-GB" b="0" i="0" dirty="0" err="1">
                <a:solidFill>
                  <a:srgbClr val="F8F8F2"/>
                </a:solidFill>
                <a:effectLst/>
                <a:latin typeface="SFMono-Regular"/>
              </a:rPr>
              <a:t>Field:data.</a:t>
            </a:r>
            <a:r>
              <a:rPr lang="en-GB" b="0" dirty="0" err="1">
                <a:solidFill>
                  <a:srgbClr val="A31515"/>
                </a:solidFill>
                <a:effectLst/>
                <a:latin typeface="Consolas" panose="020B0609020204030204" pitchFamily="49" charset="0"/>
              </a:rPr>
              <a:t>reviewPeriod</a:t>
            </a:r>
            <a:r>
              <a:rPr lang="en-GB" b="0" i="0" dirty="0">
                <a:solidFill>
                  <a:srgbClr val="F8F8F2"/>
                </a:solidFill>
                <a:effectLst/>
                <a:latin typeface="SFMono-Regular"/>
              </a:rPr>
              <a:t>&gt;&gt;</a:t>
            </a:r>
          </a:p>
          <a:p>
            <a:endParaRPr lang="en-GB" b="0" i="0" dirty="0">
              <a:solidFill>
                <a:srgbClr val="F8F8F2"/>
              </a:solidFill>
              <a:effectLst/>
              <a:latin typeface="SFMono-Regular"/>
            </a:endParaRPr>
          </a:p>
          <a:p>
            <a:r>
              <a:rPr lang="en-GB" b="0" i="0" dirty="0">
                <a:solidFill>
                  <a:srgbClr val="F8F8F2"/>
                </a:solidFill>
                <a:effectLst/>
                <a:latin typeface="SFMono-Regular"/>
              </a:rPr>
              <a:t>#-- </a:t>
            </a:r>
            <a:r>
              <a:rPr lang="en-GB" b="0" i="0" dirty="0" err="1">
                <a:solidFill>
                  <a:srgbClr val="F8F8F2"/>
                </a:solidFill>
                <a:effectLst/>
                <a:latin typeface="SFMono-Regular"/>
              </a:rPr>
              <a:t>DocuMotor</a:t>
            </a:r>
            <a:r>
              <a:rPr lang="en-GB" b="0" i="0" dirty="0">
                <a:solidFill>
                  <a:srgbClr val="F8F8F2"/>
                </a:solidFill>
                <a:effectLst/>
                <a:latin typeface="SFMono-Regular"/>
              </a:rPr>
              <a:t>-Binding-Variables-End --# </a:t>
            </a:r>
            <a:endParaRPr lang="da-DK" dirty="0"/>
          </a:p>
        </p:txBody>
      </p:sp>
      <p:sp>
        <p:nvSpPr>
          <p:cNvPr id="4" name="Slide Number Placeholder 3"/>
          <p:cNvSpPr>
            <a:spLocks noGrp="1"/>
          </p:cNvSpPr>
          <p:nvPr>
            <p:ph type="sldNum" sz="quarter" idx="5"/>
          </p:nvPr>
        </p:nvSpPr>
        <p:spPr/>
        <p:txBody>
          <a:bodyPr/>
          <a:lstStyle/>
          <a:p>
            <a:fld id="{1BA507E2-913B-954E-84AC-02C5300DF5C5}" type="slidenum">
              <a:rPr lang="en-US" smtClean="0"/>
              <a:t>1</a:t>
            </a:fld>
            <a:endParaRPr lang="en-US"/>
          </a:p>
        </p:txBody>
      </p:sp>
    </p:spTree>
    <p:extLst>
      <p:ext uri="{BB962C8B-B14F-4D97-AF65-F5344CB8AC3E}">
        <p14:creationId xmlns:p14="http://schemas.microsoft.com/office/powerpoint/2010/main" val="159196587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b="1"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Office supplies</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ODP Business Solutions can help customize and curate the right mix of supplies to help boost productivity whether employees are in the office or working remotely. We offer next business day delivery that’s within budget, supplied sustainably, and from a diverse range of suppliers — plus our collection of brands and 100% guarantee.</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1"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Furniture</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Is your workplace furnished for productivity? From ergonomic seating and sit/stand desks to shelving and storage to accessories like mobile partitions, lighting and décor, ODP Business Solutions can help you furnish your space in comfort and style — with commercial-grade quality you can count on.</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200" b="1"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1"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Technology</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We are in a hybrid world now, and ODP Business Solutions is uniquely positioned as an experienced partner and problem solver that can provide you with tech products and services that support your changing workplace and team.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1"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Cleaning and breakroom</a:t>
            </a:r>
            <a:endPar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As one of North America’s largest distributors of cleaning and breakroom supplies, ODP Business Solutions has the resources and network you can rely on to provide consistency and timely delivery of cleaning and breakroom supplies. Start with a free site assessment that allows us to be there in-person to discuss your challenges, objectives, and develop a plan that works for your business.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1"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Mailing and shipping</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Not everything can be sent via email. Whether you’re looking for padded envelopes, industrial-strength tape, asset tags or corrugated boxes, ODP Business Solutions can help you stay well stocked, so you can pack and ship quickly and conveniently.</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1"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Ink and toner</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rPr>
              <a:t>Make a lasting impression with quality ink and toner that can help your printed materials shine. Looking for a greener way to print? ODP Business Solutions offers remanufactured ink and toner, as well as our ink and toner recycling program to help you address your sustainability objective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kern="1200" dirty="0">
              <a:solidFill>
                <a:srgbClr val="102B4E"/>
              </a:solidFill>
              <a:effectLst/>
              <a:latin typeface="Open Sans" panose="020B0606030504020204" pitchFamily="34" charset="0"/>
              <a:ea typeface="Open Sans" panose="020B0606030504020204" pitchFamily="34" charset="0"/>
              <a:cs typeface="Open Sans" panose="020B0606030504020204" pitchFamily="34" charset="0"/>
            </a:endParaRPr>
          </a:p>
          <a:p>
            <a:endParaRPr lang="en-US" dirty="0"/>
          </a:p>
          <a:p>
            <a:endParaRPr lang="en-US" dirty="0"/>
          </a:p>
        </p:txBody>
      </p:sp>
      <p:sp>
        <p:nvSpPr>
          <p:cNvPr id="4" name="Slide Number Placeholder 3"/>
          <p:cNvSpPr>
            <a:spLocks noGrp="1"/>
          </p:cNvSpPr>
          <p:nvPr>
            <p:ph type="sldNum" sz="quarter" idx="5"/>
          </p:nvPr>
        </p:nvSpPr>
        <p:spPr/>
        <p:txBody>
          <a:bodyPr/>
          <a:lstStyle/>
          <a:p>
            <a:fld id="{1BA507E2-913B-954E-84AC-02C5300DF5C5}" type="slidenum">
              <a:rPr lang="en-US" smtClean="0"/>
              <a:t>14</a:t>
            </a:fld>
            <a:endParaRPr lang="en-US"/>
          </a:p>
        </p:txBody>
      </p:sp>
    </p:spTree>
    <p:extLst>
      <p:ext uri="{BB962C8B-B14F-4D97-AF65-F5344CB8AC3E}">
        <p14:creationId xmlns:p14="http://schemas.microsoft.com/office/powerpoint/2010/main" val="266237413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7A0B202-56C4-7D4F-9C13-CE34896D4EF1}"/>
              </a:ext>
            </a:extLst>
          </p:cNvPr>
          <p:cNvSpPr>
            <a:spLocks noGrp="1" noRot="1" noChangeAspect="1"/>
          </p:cNvSpPr>
          <p:nvPr>
            <p:ph type="sldImg"/>
          </p:nvPr>
        </p:nvSpPr>
        <p:spPr>
          <a:xfrm>
            <a:off x="685800" y="1143000"/>
            <a:ext cx="5486400" cy="3086100"/>
          </a:xfrm>
        </p:spPr>
      </p:sp>
      <p:sp>
        <p:nvSpPr>
          <p:cNvPr id="3" name="Notes Placeholder 2">
            <a:extLst>
              <a:ext uri="{FF2B5EF4-FFF2-40B4-BE49-F238E27FC236}">
                <a16:creationId xmlns:a16="http://schemas.microsoft.com/office/drawing/2014/main" id="{7B9714A2-E095-E746-9FFF-88899E9573E4}"/>
              </a:ext>
            </a:extLst>
          </p:cNvPr>
          <p:cNvSpPr txBox="1">
            <a:spLocks noGrp="1"/>
          </p:cNvSpPr>
          <p:nvPr>
            <p:ph type="body" sz="quarter" idx="1"/>
          </p:nvPr>
        </p:nvSpPr>
        <p:spPr/>
        <p:txBody>
          <a:bodyPr/>
          <a:lstStyle/>
          <a:p>
            <a:pPr marL="0" marR="0">
              <a:spcBef>
                <a:spcPts val="0"/>
              </a:spcBef>
              <a:spcAft>
                <a:spcPts val="0"/>
              </a:spcAft>
            </a:pPr>
            <a:r>
              <a:rPr lang="en-US" sz="1000" dirty="0">
                <a:effectLst/>
                <a:latin typeface="Arial" panose="020B0604020202020204" pitchFamily="34" charset="0"/>
                <a:ea typeface="Calibri" panose="020F0502020204030204" pitchFamily="34" charset="0"/>
                <a:cs typeface="Times New Roman" panose="02020603050405020304" pitchFamily="18" charset="0"/>
              </a:rPr>
              <a:t>ODP Business Solutions Workspace Interiors is dedicated to providing your business with complete furniture solutions to help keep your employees comfortable and productive. </a:t>
            </a:r>
            <a:endParaRPr lang="en-US" sz="1000" dirty="0">
              <a:effectLst/>
              <a:latin typeface="Calibri" panose="020F0502020204030204" pitchFamily="34" charset="0"/>
              <a:ea typeface="Calibri" panose="020F0502020204030204" pitchFamily="34" charset="0"/>
              <a:cs typeface="Times New Roman" panose="02020603050405020304" pitchFamily="18" charset="0"/>
            </a:endParaRPr>
          </a:p>
          <a:p>
            <a:pPr marL="0" marR="0">
              <a:spcBef>
                <a:spcPts val="0"/>
              </a:spcBef>
              <a:spcAft>
                <a:spcPts val="0"/>
              </a:spcAft>
            </a:pPr>
            <a:r>
              <a:rPr lang="en-US" sz="1000" dirty="0">
                <a:effectLst/>
                <a:latin typeface="Arial" panose="020B0604020202020204" pitchFamily="34" charset="0"/>
                <a:ea typeface="Calibri" panose="020F0502020204030204" pitchFamily="34" charset="0"/>
                <a:cs typeface="Times New Roman" panose="02020603050405020304" pitchFamily="18" charset="0"/>
              </a:rPr>
              <a:t> </a:t>
            </a:r>
            <a:endParaRPr lang="en-US" sz="1000" dirty="0">
              <a:effectLst/>
              <a:latin typeface="Calibri" panose="020F0502020204030204" pitchFamily="34" charset="0"/>
              <a:ea typeface="Calibri" panose="020F0502020204030204" pitchFamily="34" charset="0"/>
              <a:cs typeface="Times New Roman" panose="02020603050405020304" pitchFamily="18" charset="0"/>
            </a:endParaRPr>
          </a:p>
          <a:p>
            <a:pPr marL="0" marR="0">
              <a:spcBef>
                <a:spcPts val="0"/>
              </a:spcBef>
              <a:spcAft>
                <a:spcPts val="0"/>
              </a:spcAft>
            </a:pPr>
            <a:r>
              <a:rPr lang="en-US" sz="1000" dirty="0">
                <a:effectLst/>
                <a:latin typeface="Arial" panose="020B0604020202020204" pitchFamily="34" charset="0"/>
                <a:ea typeface="Calibri" panose="020F0502020204030204" pitchFamily="34" charset="0"/>
                <a:cs typeface="Times New Roman" panose="02020603050405020304" pitchFamily="18" charset="0"/>
              </a:rPr>
              <a:t>With Workspace Interiors, you have options.  Whether your business goal is small and simple or larger and more complex, our comprehensive program offers you the right solution to fit your objectives.  We contract with top furniture manufacturers to offer one of the best selections in the industry, and we specialize in providing customized solutions to fit your unique style and space.  </a:t>
            </a:r>
            <a:endParaRPr lang="en-US" sz="1000" dirty="0">
              <a:effectLst/>
              <a:latin typeface="Calibri" panose="020F0502020204030204" pitchFamily="34" charset="0"/>
              <a:ea typeface="Calibri" panose="020F0502020204030204" pitchFamily="34" charset="0"/>
              <a:cs typeface="Times New Roman" panose="02020603050405020304" pitchFamily="18" charset="0"/>
            </a:endParaRPr>
          </a:p>
          <a:p>
            <a:pPr marL="0" marR="0">
              <a:spcBef>
                <a:spcPts val="0"/>
              </a:spcBef>
              <a:spcAft>
                <a:spcPts val="0"/>
              </a:spcAft>
            </a:pPr>
            <a:r>
              <a:rPr lang="en-US" sz="1000" dirty="0">
                <a:effectLst/>
                <a:latin typeface="Arial" panose="020B0604020202020204" pitchFamily="34" charset="0"/>
                <a:ea typeface="Calibri" panose="020F0502020204030204" pitchFamily="34" charset="0"/>
                <a:cs typeface="Times New Roman" panose="02020603050405020304" pitchFamily="18" charset="0"/>
              </a:rPr>
              <a:t> </a:t>
            </a:r>
            <a:endParaRPr lang="en-US" sz="1000" dirty="0">
              <a:effectLst/>
              <a:latin typeface="Calibri" panose="020F0502020204030204" pitchFamily="34" charset="0"/>
              <a:ea typeface="Calibri" panose="020F0502020204030204" pitchFamily="34" charset="0"/>
              <a:cs typeface="Times New Roman" panose="02020603050405020304" pitchFamily="18" charset="0"/>
            </a:endParaRPr>
          </a:p>
          <a:p>
            <a:pPr marL="0" marR="0">
              <a:spcBef>
                <a:spcPts val="0"/>
              </a:spcBef>
              <a:spcAft>
                <a:spcPts val="0"/>
              </a:spcAft>
            </a:pPr>
            <a:r>
              <a:rPr lang="en-US" sz="1000" dirty="0">
                <a:effectLst/>
                <a:latin typeface="Arial" panose="020B0604020202020204" pitchFamily="34" charset="0"/>
                <a:ea typeface="Calibri" panose="020F0502020204030204" pitchFamily="34" charset="0"/>
                <a:cs typeface="Times New Roman" panose="02020603050405020304" pitchFamily="18" charset="0"/>
              </a:rPr>
              <a:t>With over 38 locations throughout the nation and more than 175 local service representatives, we are ready to help turn your vision into reality. Providing you consistent service nationwide and collaborating with you to gain efficiency, cost savings and control into your overall spend. Our experienced Workspace Interiors team can manage every aspect of your next project — right down to the last detail. Providing the individual attention your business deserves. </a:t>
            </a:r>
            <a:endParaRPr lang="en-US" sz="1000" dirty="0">
              <a:effectLst/>
              <a:latin typeface="Calibri" panose="020F0502020204030204" pitchFamily="34" charset="0"/>
              <a:ea typeface="Calibri" panose="020F0502020204030204" pitchFamily="34" charset="0"/>
              <a:cs typeface="Times New Roman" panose="02020603050405020304" pitchFamily="18" charset="0"/>
            </a:endParaRPr>
          </a:p>
          <a:p>
            <a:pPr lvl="0"/>
            <a:endParaRPr lang="en-US"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4" name="Slide Number Placeholder 3">
            <a:extLst>
              <a:ext uri="{FF2B5EF4-FFF2-40B4-BE49-F238E27FC236}">
                <a16:creationId xmlns:a16="http://schemas.microsoft.com/office/drawing/2014/main" id="{3258DE87-B626-794C-96FE-FBE6C1A29615}"/>
              </a:ext>
            </a:extLst>
          </p:cNvPr>
          <p:cNvSpPr txBox="1"/>
          <p:nvPr/>
        </p:nvSpPr>
        <p:spPr>
          <a:xfrm>
            <a:off x="3884608" y="8685208"/>
            <a:ext cx="2971800" cy="458791"/>
          </a:xfrm>
          <a:prstGeom prst="rect">
            <a:avLst/>
          </a:prstGeom>
          <a:noFill/>
          <a:ln cap="flat">
            <a:noFill/>
          </a:ln>
        </p:spPr>
        <p:txBody>
          <a:bodyPr vert="horz" wrap="square" lIns="91440" tIns="45720" rIns="91440" bIns="45720" anchor="b" anchorCtr="0" compatLnSpc="1">
            <a:noAutofit/>
          </a:bodyPr>
          <a:lstStyle/>
          <a:p>
            <a:pPr marL="0" marR="0" lvl="0" indent="0" algn="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fld id="{52765A6D-FED3-0A4B-8ABB-2006E9C6A6BE}" type="slidenum">
              <a:rPr kumimoji="0" sz="1800" b="0" i="0" u="none" strike="noStrike" kern="0" cap="none" spc="0" normalizeH="0" baseline="0" noProof="0">
                <a:ln>
                  <a:noFill/>
                </a:ln>
                <a:solidFill>
                  <a:srgbClr val="000000"/>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t>15</a:t>
            </a:fld>
            <a:endParaRPr kumimoji="0" lang="en-US" sz="1200" b="0" i="0" u="none" strike="noStrike" kern="1200" cap="none" spc="0" normalizeH="0" baseline="0" noProof="0">
              <a:ln>
                <a:noFill/>
              </a:ln>
              <a:solidFill>
                <a:srgbClr val="000000"/>
              </a:solidFill>
              <a:effectLst/>
              <a:uLnTx/>
              <a:uFillTx/>
              <a:latin typeface="Calibri"/>
              <a:ea typeface="+mn-ea"/>
              <a:cs typeface="+mn-cs"/>
            </a:endParaRPr>
          </a:p>
        </p:txBody>
      </p:sp>
    </p:spTree>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1EC16B8-9344-FE4E-A52E-069E5CC54BE6}"/>
              </a:ext>
            </a:extLst>
          </p:cNvPr>
          <p:cNvSpPr>
            <a:spLocks noGrp="1" noRot="1" noChangeAspect="1"/>
          </p:cNvSpPr>
          <p:nvPr>
            <p:ph type="sldImg"/>
          </p:nvPr>
        </p:nvSpPr>
        <p:spPr>
          <a:xfrm>
            <a:off x="685800" y="1143000"/>
            <a:ext cx="5486400" cy="3086100"/>
          </a:xfrm>
        </p:spPr>
      </p:sp>
      <p:sp>
        <p:nvSpPr>
          <p:cNvPr id="3" name="Notes Placeholder 2">
            <a:extLst>
              <a:ext uri="{FF2B5EF4-FFF2-40B4-BE49-F238E27FC236}">
                <a16:creationId xmlns:a16="http://schemas.microsoft.com/office/drawing/2014/main" id="{552DC90D-2207-C143-AEFB-5501362226EB}"/>
              </a:ext>
            </a:extLst>
          </p:cNvPr>
          <p:cNvSpPr txBox="1">
            <a:spLocks noGrp="1"/>
          </p:cNvSpPr>
          <p:nvPr>
            <p:ph type="body" sz="quarter" idx="1"/>
          </p:nvPr>
        </p:nvSpPr>
        <p:spPr/>
        <p:txBody>
          <a:bodyPr/>
          <a:lstStyle/>
          <a:p>
            <a:pPr marL="0" indent="0">
              <a:spcBef>
                <a:spcPts val="200"/>
              </a:spcBef>
              <a:spcAft>
                <a:spcPts val="0"/>
              </a:spcAft>
              <a:buClr>
                <a:schemeClr val="accent1"/>
              </a:buClr>
              <a:buFontTx/>
              <a:buNone/>
            </a:pPr>
            <a:r>
              <a:rPr lang="en-US" sz="1000" b="1" dirty="0">
                <a:solidFill>
                  <a:schemeClr val="tx1"/>
                </a:solidFill>
                <a:latin typeface="Open Sans" panose="020B0606030504020204" pitchFamily="34" charset="0"/>
                <a:ea typeface="Open Sans" panose="020B0606030504020204" pitchFamily="34" charset="0"/>
                <a:cs typeface="Open Sans" panose="020B0606030504020204" pitchFamily="34" charset="0"/>
              </a:rPr>
              <a:t>Furniture offerings</a:t>
            </a:r>
          </a:p>
          <a:p>
            <a:pPr>
              <a:spcBef>
                <a:spcPts val="200"/>
              </a:spcBef>
              <a:buClr>
                <a:schemeClr val="accent1"/>
              </a:buClr>
            </a:pP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We proudly offer one of the most extensive selections in the industry for every functional area of your space in a variety of styles – from traditional to transitional to contemporary. With Workspace Interiors, you will find a comprehensive selection of quality furniture from top names such as HON, Kimball International Brands, Safco, Global, </a:t>
            </a:r>
            <a:r>
              <a:rPr lang="en-US" sz="1000" kern="1200" dirty="0" err="1">
                <a:solidFill>
                  <a:schemeClr val="tx1"/>
                </a:solidFill>
                <a:effectLst/>
                <a:latin typeface="Open Sans" panose="020B0606030504020204" pitchFamily="34" charset="0"/>
                <a:ea typeface="Open Sans" panose="020B0606030504020204" pitchFamily="34" charset="0"/>
                <a:cs typeface="Open Sans" panose="020B0606030504020204" pitchFamily="34" charset="0"/>
              </a:rPr>
              <a:t>Trendway</a:t>
            </a: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 </a:t>
            </a:r>
            <a:r>
              <a:rPr lang="en-US" sz="1000" kern="1200" dirty="0" err="1">
                <a:solidFill>
                  <a:schemeClr val="tx1"/>
                </a:solidFill>
                <a:effectLst/>
                <a:latin typeface="Open Sans" panose="020B0606030504020204" pitchFamily="34" charset="0"/>
                <a:ea typeface="Open Sans" panose="020B0606030504020204" pitchFamily="34" charset="0"/>
                <a:cs typeface="Open Sans" panose="020B0606030504020204" pitchFamily="34" charset="0"/>
              </a:rPr>
              <a:t>Allermuir</a:t>
            </a: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 and offerings from more than 200 manufacturers. </a:t>
            </a:r>
            <a:endParaRPr lang="en-US" sz="1000" baseline="0"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a:p>
            <a:pPr marL="0" indent="0">
              <a:spcBef>
                <a:spcPts val="200"/>
              </a:spcBef>
              <a:spcAft>
                <a:spcPts val="0"/>
              </a:spcAft>
              <a:buClr>
                <a:schemeClr val="accent1"/>
              </a:buClr>
              <a:buFontTx/>
              <a:buNone/>
            </a:pPr>
            <a:endPar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endParaRPr>
          </a:p>
          <a:p>
            <a:pPr marL="0" indent="0">
              <a:spcBef>
                <a:spcPts val="200"/>
              </a:spcBef>
              <a:spcAft>
                <a:spcPts val="0"/>
              </a:spcAft>
              <a:buClr>
                <a:schemeClr val="accent1"/>
              </a:buClr>
              <a:buFontTx/>
              <a:buNone/>
            </a:pP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This wide breadth of options allows us to address any budget with both commercial grade and contractor grade furniture offerings</a:t>
            </a:r>
            <a:endParaRPr lang="en-US" sz="1000" b="1"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a:p>
            <a:pPr marL="230188" indent="-230188">
              <a:spcBef>
                <a:spcPts val="200"/>
              </a:spcBef>
              <a:spcAft>
                <a:spcPts val="0"/>
              </a:spcAft>
              <a:buClr>
                <a:schemeClr val="accent1"/>
              </a:buClr>
              <a:buFont typeface="Arial" panose="020B0604020202020204" pitchFamily="34" charset="0"/>
              <a:buChar char="•"/>
            </a:pP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200+ custom niche manufacturers</a:t>
            </a:r>
          </a:p>
          <a:p>
            <a:pPr marL="230188" indent="-230188">
              <a:spcBef>
                <a:spcPts val="200"/>
              </a:spcBef>
              <a:spcAft>
                <a:spcPts val="0"/>
              </a:spcAft>
              <a:buClr>
                <a:schemeClr val="accent1"/>
              </a:buClr>
              <a:buFont typeface="Arial" panose="020B0604020202020204" pitchFamily="34" charset="0"/>
              <a:buChar char="•"/>
            </a:pP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5,000+ in-stock commercial-grade catalog items</a:t>
            </a:r>
          </a:p>
          <a:p>
            <a:pPr marL="230188" indent="-230188">
              <a:spcBef>
                <a:spcPts val="200"/>
              </a:spcBef>
              <a:buClr>
                <a:schemeClr val="accent1"/>
              </a:buClr>
              <a:buFont typeface="Arial" panose="020B0604020202020204" pitchFamily="34" charset="0"/>
              <a:buChar char="•"/>
            </a:pP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Our own collection of brands — (</a:t>
            </a:r>
            <a:r>
              <a:rPr lang="en-US" sz="1000" dirty="0" err="1">
                <a:solidFill>
                  <a:schemeClr val="tx1"/>
                </a:solidFill>
                <a:latin typeface="Open Sans" panose="020B0606030504020204" pitchFamily="34" charset="0"/>
                <a:ea typeface="Open Sans" panose="020B0606030504020204" pitchFamily="34" charset="0"/>
                <a:cs typeface="Open Sans" panose="020B0606030504020204" pitchFamily="34" charset="0"/>
              </a:rPr>
              <a:t>WorkPro</a:t>
            </a:r>
            <a:r>
              <a:rPr lang="en-US" sz="1000" baseline="30000" dirty="0">
                <a:solidFill>
                  <a:schemeClr val="tx1"/>
                </a:solidFill>
                <a:latin typeface="Open Sans" panose="020B0606030504020204" pitchFamily="34" charset="0"/>
                <a:ea typeface="Open Sans" panose="020B0606030504020204" pitchFamily="34" charset="0"/>
                <a:cs typeface="Open Sans" panose="020B0606030504020204" pitchFamily="34" charset="0"/>
              </a:rPr>
              <a:t>®</a:t>
            </a: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 and </a:t>
            </a:r>
            <a:r>
              <a:rPr lang="en-US" sz="1000" dirty="0" err="1">
                <a:solidFill>
                  <a:schemeClr val="tx1"/>
                </a:solidFill>
                <a:latin typeface="Open Sans" panose="020B0606030504020204" pitchFamily="34" charset="0"/>
                <a:ea typeface="Open Sans" panose="020B0606030504020204" pitchFamily="34" charset="0"/>
                <a:cs typeface="Open Sans" panose="020B0606030504020204" pitchFamily="34" charset="0"/>
              </a:rPr>
              <a:t>Realspace</a:t>
            </a:r>
            <a:r>
              <a:rPr lang="en-US" sz="1000" baseline="30000" dirty="0">
                <a:solidFill>
                  <a:schemeClr val="tx1"/>
                </a:solidFill>
                <a:latin typeface="Open Sans" panose="020B0606030504020204" pitchFamily="34" charset="0"/>
                <a:ea typeface="Open Sans" panose="020B0606030504020204" pitchFamily="34" charset="0"/>
                <a:cs typeface="Open Sans" panose="020B0606030504020204" pitchFamily="34" charset="0"/>
              </a:rPr>
              <a:t>®</a:t>
            </a: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 </a:t>
            </a: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rounds out our complete furniture solution by providing outstanding value, fast delivery and great quality.</a:t>
            </a:r>
            <a:endPar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a:p>
            <a:pPr marL="230188" indent="-230188">
              <a:spcBef>
                <a:spcPts val="200"/>
              </a:spcBef>
              <a:spcAft>
                <a:spcPts val="0"/>
              </a:spcAft>
              <a:buClr>
                <a:schemeClr val="accent1"/>
              </a:buClr>
              <a:buFont typeface="Arial" panose="020B0604020202020204" pitchFamily="34" charset="0"/>
              <a:buChar char="•"/>
            </a:pPr>
            <a:endPar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a:p>
            <a:pPr marL="0" marR="0">
              <a:spcBef>
                <a:spcPts val="0"/>
              </a:spcBef>
              <a:spcAft>
                <a:spcPts val="0"/>
              </a:spcAft>
            </a:pPr>
            <a:r>
              <a:rPr lang="en-US" sz="1000" b="1"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Additional services and offerings</a:t>
            </a:r>
          </a:p>
          <a:p>
            <a:pPr marL="0" marR="0">
              <a:spcBef>
                <a:spcPts val="0"/>
              </a:spcBef>
              <a:spcAft>
                <a:spcPts val="0"/>
              </a:spcAft>
            </a:pP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With so many manufacturers and such a large assortment, you might </a:t>
            </a:r>
            <a:r>
              <a:rPr lang="en-US" sz="1000" kern="1200" dirty="0">
                <a:solidFill>
                  <a:schemeClr val="bg2"/>
                </a:solidFill>
                <a:effectLst/>
                <a:latin typeface="Open Sans" panose="020B0606030504020204" pitchFamily="34" charset="0"/>
                <a:ea typeface="Open Sans" panose="020B0606030504020204" pitchFamily="34" charset="0"/>
                <a:cs typeface="Open Sans" panose="020B0606030504020204" pitchFamily="34" charset="0"/>
              </a:rPr>
              <a:t>want </a:t>
            </a: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some assistance finding that perfect furniture solution for your business. Our furniture team is experienced in our product assortment and can help you find exactly what you’re looking for.</a:t>
            </a:r>
            <a:endParaRPr lang="en-US" sz="10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endParaRPr>
          </a:p>
          <a:p>
            <a:pPr marL="342900" marR="0" lvl="0" indent="-342900">
              <a:lnSpc>
                <a:spcPct val="115000"/>
              </a:lnSpc>
              <a:spcBef>
                <a:spcPts val="0"/>
              </a:spcBef>
              <a:spcAft>
                <a:spcPts val="0"/>
              </a:spcAft>
              <a:buFont typeface="Arial" panose="020B0604020202020204" pitchFamily="34" charset="0"/>
              <a:buChar char="•"/>
              <a:tabLst>
                <a:tab pos="457200" algn="l"/>
              </a:tabLst>
            </a:pP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Space planning – Not sure if it will fit? Let us create a design for your space and help you visualize your new, productive workspace.</a:t>
            </a:r>
            <a:endParaRPr lang="en-US" sz="10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endParaRPr>
          </a:p>
          <a:p>
            <a:pPr marL="342900" marR="0" lvl="0" indent="-342900">
              <a:lnSpc>
                <a:spcPct val="115000"/>
              </a:lnSpc>
              <a:spcBef>
                <a:spcPts val="0"/>
              </a:spcBef>
              <a:spcAft>
                <a:spcPts val="0"/>
              </a:spcAft>
              <a:buFont typeface="Arial" panose="020B0604020202020204" pitchFamily="34" charset="0"/>
              <a:buChar char="•"/>
              <a:tabLst>
                <a:tab pos="457200" algn="l"/>
              </a:tabLst>
            </a:pP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Product recommendations – Good, better, best comparisons</a:t>
            </a:r>
            <a:endParaRPr lang="en-US" sz="10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endParaRPr>
          </a:p>
          <a:p>
            <a:pPr marL="342900" marR="0" lvl="0" indent="-342900">
              <a:lnSpc>
                <a:spcPct val="115000"/>
              </a:lnSpc>
              <a:spcBef>
                <a:spcPts val="0"/>
              </a:spcBef>
              <a:spcAft>
                <a:spcPts val="0"/>
              </a:spcAft>
              <a:buFont typeface="Arial" panose="020B0604020202020204" pitchFamily="34" charset="0"/>
              <a:buChar char="•"/>
              <a:tabLst>
                <a:tab pos="457200" algn="l"/>
              </a:tabLst>
            </a:pP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Standard programs – Eliminate rogue spending and establish standards that represent your brand.</a:t>
            </a:r>
            <a:endParaRPr lang="en-US" sz="10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endParaRPr>
          </a:p>
          <a:p>
            <a:pPr marL="342900" marR="0" lvl="0" indent="-342900">
              <a:lnSpc>
                <a:spcPct val="115000"/>
              </a:lnSpc>
              <a:spcBef>
                <a:spcPts val="0"/>
              </a:spcBef>
              <a:spcAft>
                <a:spcPts val="0"/>
              </a:spcAft>
              <a:buFont typeface="Arial" panose="020B0604020202020204" pitchFamily="34" charset="0"/>
              <a:buChar char="•"/>
              <a:tabLst>
                <a:tab pos="457200" algn="l"/>
              </a:tabLst>
            </a:pP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Ergonomic solutions</a:t>
            </a:r>
            <a:endParaRPr lang="en-US" sz="10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endParaRPr>
          </a:p>
          <a:p>
            <a:pPr marL="342900" marR="0" lvl="0" indent="-342900">
              <a:lnSpc>
                <a:spcPct val="115000"/>
              </a:lnSpc>
              <a:spcBef>
                <a:spcPts val="0"/>
              </a:spcBef>
              <a:spcAft>
                <a:spcPts val="0"/>
              </a:spcAft>
              <a:buFont typeface="Arial" panose="020B0604020202020204" pitchFamily="34" charset="0"/>
              <a:buChar char="•"/>
              <a:tabLst>
                <a:tab pos="457200" algn="l"/>
              </a:tabLst>
            </a:pP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Order placement and management</a:t>
            </a:r>
            <a:endParaRPr lang="en-US" sz="10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endParaRPr>
          </a:p>
          <a:p>
            <a:pPr marL="342900" marR="0" lvl="0" indent="-342900">
              <a:lnSpc>
                <a:spcPct val="115000"/>
              </a:lnSpc>
              <a:spcBef>
                <a:spcPts val="0"/>
              </a:spcBef>
              <a:spcAft>
                <a:spcPts val="0"/>
              </a:spcAft>
              <a:buFont typeface="Arial" panose="020B0604020202020204" pitchFamily="34" charset="0"/>
              <a:buChar char="•"/>
              <a:tabLst>
                <a:tab pos="457200" algn="l"/>
              </a:tabLst>
            </a:pP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Installation and delivery arrangements</a:t>
            </a:r>
            <a:endParaRPr lang="en-US" sz="10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endParaRPr>
          </a:p>
          <a:p>
            <a:pPr>
              <a:spcBef>
                <a:spcPts val="200"/>
              </a:spcBef>
              <a:spcAft>
                <a:spcPts val="0"/>
              </a:spcAft>
              <a:buClr>
                <a:schemeClr val="accent1"/>
              </a:buClr>
            </a:pPr>
            <a:endPar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a:p>
            <a:pPr marL="0" indent="0">
              <a:spcBef>
                <a:spcPts val="200"/>
              </a:spcBef>
              <a:spcAft>
                <a:spcPts val="0"/>
              </a:spcAft>
              <a:buClr>
                <a:schemeClr val="accent1"/>
              </a:buClr>
              <a:buFontTx/>
              <a:buNone/>
            </a:pPr>
            <a:r>
              <a:rPr lang="en-US" sz="1000" b="1" dirty="0">
                <a:solidFill>
                  <a:schemeClr val="tx1"/>
                </a:solidFill>
                <a:latin typeface="Open Sans" panose="020B0606030504020204" pitchFamily="34" charset="0"/>
                <a:ea typeface="Open Sans" panose="020B0606030504020204" pitchFamily="34" charset="0"/>
                <a:cs typeface="Open Sans" panose="020B0606030504020204" pitchFamily="34" charset="0"/>
              </a:rPr>
              <a:t>Our network</a:t>
            </a:r>
          </a:p>
          <a:p>
            <a:pPr marL="171450" marR="0" lvl="0" indent="-171450" algn="l" defTabSz="914400" rtl="0" eaLnBrk="1" fontAlgn="auto" latinLnBrk="0" hangingPunct="1">
              <a:lnSpc>
                <a:spcPct val="100000"/>
              </a:lnSpc>
              <a:spcBef>
                <a:spcPts val="200"/>
              </a:spcBef>
              <a:spcAft>
                <a:spcPts val="0"/>
              </a:spcAft>
              <a:buClr>
                <a:schemeClr val="accent1"/>
              </a:buClr>
              <a:buSzTx/>
              <a:buFont typeface="Arial" panose="020B0604020202020204" pitchFamily="34" charset="0"/>
              <a:buChar char="•"/>
              <a:tabLst/>
              <a:defRPr/>
            </a:pP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A </a:t>
            </a:r>
            <a:r>
              <a:rPr lang="en-US" sz="1000" b="1" dirty="0">
                <a:solidFill>
                  <a:schemeClr val="tx1"/>
                </a:solidFill>
                <a:latin typeface="Open Sans" panose="020B0606030504020204" pitchFamily="34" charset="0"/>
                <a:ea typeface="Open Sans" panose="020B0606030504020204" pitchFamily="34" charset="0"/>
                <a:cs typeface="Open Sans" panose="020B0606030504020204" pitchFamily="34" charset="0"/>
              </a:rPr>
              <a:t>full-service, </a:t>
            </a: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four-wall solution provider nationwide</a:t>
            </a:r>
            <a:endParaRPr lang="en-US" sz="1000" b="1"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a:p>
            <a:pPr marL="171450" marR="0" lvl="0" indent="-171450" algn="l" defTabSz="914400" rtl="0" eaLnBrk="1" fontAlgn="auto" latinLnBrk="0" hangingPunct="1">
              <a:lnSpc>
                <a:spcPct val="100000"/>
              </a:lnSpc>
              <a:spcBef>
                <a:spcPts val="200"/>
              </a:spcBef>
              <a:spcAft>
                <a:spcPts val="0"/>
              </a:spcAft>
              <a:buClr>
                <a:schemeClr val="accent1"/>
              </a:buClr>
              <a:buSzTx/>
              <a:buFont typeface="Arial" panose="020B0604020202020204" pitchFamily="34" charset="0"/>
              <a:buChar char="•"/>
              <a:tabLst/>
              <a:defRPr/>
            </a:pP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Diverse network of employees ranging from designers to experienced sales representatives to project managers</a:t>
            </a:r>
          </a:p>
          <a:p>
            <a:pPr marL="171450" marR="0" lvl="0" indent="-171450" algn="l" defTabSz="914400" rtl="0" eaLnBrk="1" fontAlgn="auto" latinLnBrk="0" hangingPunct="1">
              <a:lnSpc>
                <a:spcPct val="100000"/>
              </a:lnSpc>
              <a:spcBef>
                <a:spcPts val="200"/>
              </a:spcBef>
              <a:spcAft>
                <a:spcPts val="0"/>
              </a:spcAft>
              <a:buClr>
                <a:schemeClr val="accent1"/>
              </a:buClr>
              <a:buSzTx/>
              <a:buFont typeface="Arial" panose="020B0604020202020204" pitchFamily="34" charset="0"/>
              <a:buChar char="•"/>
              <a:tabLst/>
              <a:defRPr/>
            </a:pPr>
            <a:r>
              <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rPr>
              <a:t>Coast-to-coast distribution, installation network and enhanced delivery program can help your organization receive consistent service anywhere in the country</a:t>
            </a:r>
          </a:p>
          <a:p>
            <a:pPr marL="171450" marR="0" lvl="0" indent="-171450" algn="l" defTabSz="914400" rtl="0" eaLnBrk="1" fontAlgn="auto" latinLnBrk="0" hangingPunct="1">
              <a:lnSpc>
                <a:spcPct val="100000"/>
              </a:lnSpc>
              <a:spcBef>
                <a:spcPts val="200"/>
              </a:spcBef>
              <a:spcAft>
                <a:spcPts val="0"/>
              </a:spcAft>
              <a:buClr>
                <a:schemeClr val="accent1"/>
              </a:buClr>
              <a:buSzTx/>
              <a:buFont typeface="Arial" panose="020B0604020202020204" pitchFamily="34" charset="0"/>
              <a:buChar char="•"/>
              <a:tabLst/>
              <a:defRPr/>
            </a:pP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Offers a </a:t>
            </a:r>
            <a:r>
              <a:rPr lang="en-US" sz="1000" b="1" dirty="0">
                <a:solidFill>
                  <a:schemeClr val="tx1"/>
                </a:solidFill>
                <a:latin typeface="Open Sans" panose="020B0606030504020204" pitchFamily="34" charset="0"/>
                <a:ea typeface="Open Sans" panose="020B0606030504020204" pitchFamily="34" charset="0"/>
                <a:cs typeface="Open Sans" panose="020B0606030504020204" pitchFamily="34" charset="0"/>
              </a:rPr>
              <a:t>consistent and scalable</a:t>
            </a: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 service model</a:t>
            </a:r>
          </a:p>
          <a:p>
            <a:pPr marL="171450" marR="0" lvl="0" indent="-171450" algn="l" defTabSz="914400" rtl="0" eaLnBrk="1" fontAlgn="auto" latinLnBrk="0" hangingPunct="1">
              <a:lnSpc>
                <a:spcPct val="100000"/>
              </a:lnSpc>
              <a:spcBef>
                <a:spcPts val="200"/>
              </a:spcBef>
              <a:spcAft>
                <a:spcPts val="0"/>
              </a:spcAft>
              <a:buClr>
                <a:schemeClr val="accent1"/>
              </a:buClr>
              <a:buSzTx/>
              <a:buFont typeface="Arial" panose="020B0604020202020204" pitchFamily="34" charset="0"/>
              <a:buChar char="•"/>
              <a:tabLst/>
              <a:defRPr/>
            </a:pP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Focused on delivering a </a:t>
            </a:r>
            <a:r>
              <a:rPr lang="en-US" sz="1000" b="1" dirty="0">
                <a:solidFill>
                  <a:schemeClr val="tx1"/>
                </a:solidFill>
                <a:latin typeface="Open Sans" panose="020B0606030504020204" pitchFamily="34" charset="0"/>
                <a:ea typeface="Open Sans" panose="020B0606030504020204" pitchFamily="34" charset="0"/>
                <a:cs typeface="Open Sans" panose="020B0606030504020204" pitchFamily="34" charset="0"/>
              </a:rPr>
              <a:t>seamless</a:t>
            </a: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 customer experience</a:t>
            </a:r>
          </a:p>
          <a:p>
            <a:pPr marL="230188" indent="-230188">
              <a:spcBef>
                <a:spcPts val="200"/>
              </a:spcBef>
              <a:spcAft>
                <a:spcPts val="0"/>
              </a:spcAft>
              <a:buClr>
                <a:schemeClr val="accent1"/>
              </a:buClr>
              <a:buFont typeface="Arial" panose="020B0604020202020204" pitchFamily="34" charset="0"/>
              <a:buChar char="•"/>
            </a:pPr>
            <a:endParaRPr lang="en-US" sz="1000" kern="1200" dirty="0">
              <a:solidFill>
                <a:schemeClr val="tx1"/>
              </a:solidFill>
              <a:effectLst/>
              <a:latin typeface="Open Sans" panose="020B0606030504020204" pitchFamily="34" charset="0"/>
              <a:ea typeface="Open Sans" panose="020B0606030504020204" pitchFamily="34" charset="0"/>
              <a:cs typeface="Open Sans" panose="020B0606030504020204" pitchFamily="34" charset="0"/>
            </a:endParaRPr>
          </a:p>
          <a:p>
            <a:pPr marL="0" indent="0">
              <a:spcBef>
                <a:spcPts val="200"/>
              </a:spcBef>
              <a:spcAft>
                <a:spcPts val="0"/>
              </a:spcAft>
              <a:buClr>
                <a:schemeClr val="accent1"/>
              </a:buClr>
              <a:buFontTx/>
              <a:buNone/>
            </a:pPr>
            <a:r>
              <a:rPr lang="en-US" sz="1000" b="1" dirty="0">
                <a:solidFill>
                  <a:schemeClr val="tx1"/>
                </a:solidFill>
                <a:latin typeface="Open Sans" panose="020B0606030504020204" pitchFamily="34" charset="0"/>
                <a:ea typeface="Open Sans" panose="020B0606030504020204" pitchFamily="34" charset="0"/>
                <a:cs typeface="Open Sans" panose="020B0606030504020204" pitchFamily="34" charset="0"/>
              </a:rPr>
              <a:t>Industries we serve</a:t>
            </a:r>
          </a:p>
          <a:p>
            <a:pPr marL="171450" marR="0" lvl="0" indent="-171450" algn="l" defTabSz="914400" rtl="0" eaLnBrk="1" fontAlgn="auto" latinLnBrk="0" hangingPunct="1">
              <a:lnSpc>
                <a:spcPct val="100000"/>
              </a:lnSpc>
              <a:spcBef>
                <a:spcPts val="200"/>
              </a:spcBef>
              <a:spcAft>
                <a:spcPts val="0"/>
              </a:spcAft>
              <a:buClr>
                <a:schemeClr val="accent1"/>
              </a:buClr>
              <a:buSzTx/>
              <a:buFont typeface="Arial" panose="020B0604020202020204" pitchFamily="34" charset="0"/>
              <a:buChar char="•"/>
              <a:tabLst/>
              <a:defRPr/>
            </a:pPr>
            <a:r>
              <a:rPr lang="en-US" sz="1000" dirty="0">
                <a:solidFill>
                  <a:schemeClr val="tx1"/>
                </a:solidFill>
                <a:latin typeface="Open Sans" panose="020B0606030504020204" pitchFamily="34" charset="0"/>
                <a:ea typeface="Open Sans" panose="020B0606030504020204" pitchFamily="34" charset="0"/>
                <a:cs typeface="Open Sans" panose="020B0606030504020204" pitchFamily="34" charset="0"/>
              </a:rPr>
              <a:t>Enterprise and large business</a:t>
            </a:r>
          </a:p>
          <a:p>
            <a:pPr marL="171450" marR="0" lvl="0" indent="-171450" algn="l" defTabSz="914400" rtl="0" eaLnBrk="1" fontAlgn="auto" latinLnBrk="0" hangingPunct="1">
              <a:lnSpc>
                <a:spcPct val="100000"/>
              </a:lnSpc>
              <a:spcBef>
                <a:spcPts val="200"/>
              </a:spcBef>
              <a:spcAft>
                <a:spcPts val="0"/>
              </a:spcAft>
              <a:buClr>
                <a:schemeClr val="accent1"/>
              </a:buClr>
              <a:buSzTx/>
              <a:buFont typeface="Arial" panose="020B0604020202020204" pitchFamily="34" charset="0"/>
              <a:buChar char="•"/>
              <a:tabLst/>
              <a:defRPr/>
            </a:pPr>
            <a:r>
              <a:rPr lang="en-US" sz="1000" b="0" dirty="0">
                <a:solidFill>
                  <a:schemeClr val="tx1"/>
                </a:solidFill>
                <a:latin typeface="Open Sans" panose="020B0606030504020204" pitchFamily="34" charset="0"/>
                <a:ea typeface="Open Sans" panose="020B0606030504020204" pitchFamily="34" charset="0"/>
                <a:cs typeface="Open Sans" panose="020B0606030504020204" pitchFamily="34" charset="0"/>
              </a:rPr>
              <a:t>Medium and small business</a:t>
            </a:r>
          </a:p>
          <a:p>
            <a:pPr marL="171450" marR="0" lvl="0" indent="-171450" algn="l" defTabSz="914400" rtl="0" eaLnBrk="1" fontAlgn="auto" latinLnBrk="0" hangingPunct="1">
              <a:lnSpc>
                <a:spcPct val="100000"/>
              </a:lnSpc>
              <a:spcBef>
                <a:spcPts val="200"/>
              </a:spcBef>
              <a:spcAft>
                <a:spcPts val="0"/>
              </a:spcAft>
              <a:buClr>
                <a:schemeClr val="accent1"/>
              </a:buClr>
              <a:buSzTx/>
              <a:buFont typeface="Arial" panose="020B0604020202020204" pitchFamily="34" charset="0"/>
              <a:buChar char="•"/>
              <a:tabLst/>
              <a:defRPr/>
            </a:pPr>
            <a:r>
              <a:rPr lang="en-US" sz="1000" b="0" dirty="0">
                <a:solidFill>
                  <a:schemeClr val="tx1"/>
                </a:solidFill>
                <a:latin typeface="Open Sans" panose="020B0606030504020204" pitchFamily="34" charset="0"/>
                <a:ea typeface="Open Sans" panose="020B0606030504020204" pitchFamily="34" charset="0"/>
                <a:cs typeface="Open Sans" panose="020B0606030504020204" pitchFamily="34" charset="0"/>
              </a:rPr>
              <a:t>Education</a:t>
            </a:r>
          </a:p>
          <a:p>
            <a:pPr marL="171450" marR="0" lvl="0" indent="-171450" algn="l" defTabSz="914400" rtl="0" eaLnBrk="1" fontAlgn="auto" latinLnBrk="0" hangingPunct="1">
              <a:lnSpc>
                <a:spcPct val="100000"/>
              </a:lnSpc>
              <a:spcBef>
                <a:spcPts val="200"/>
              </a:spcBef>
              <a:spcAft>
                <a:spcPts val="0"/>
              </a:spcAft>
              <a:buClr>
                <a:schemeClr val="accent1"/>
              </a:buClr>
              <a:buSzTx/>
              <a:buFont typeface="Arial" panose="020B0604020202020204" pitchFamily="34" charset="0"/>
              <a:buChar char="•"/>
              <a:tabLst/>
              <a:defRPr/>
            </a:pPr>
            <a:r>
              <a:rPr lang="en-US" sz="1000" b="0" dirty="0">
                <a:solidFill>
                  <a:schemeClr val="tx1"/>
                </a:solidFill>
                <a:latin typeface="Open Sans" panose="020B0606030504020204" pitchFamily="34" charset="0"/>
                <a:ea typeface="Open Sans" panose="020B0606030504020204" pitchFamily="34" charset="0"/>
                <a:cs typeface="Open Sans" panose="020B0606030504020204" pitchFamily="34" charset="0"/>
              </a:rPr>
              <a:t>State, local, and federal government</a:t>
            </a:r>
          </a:p>
          <a:p>
            <a:pPr marL="171450" marR="0" lvl="0" indent="-171450" algn="l" defTabSz="914400" rtl="0" eaLnBrk="1" fontAlgn="auto" latinLnBrk="0" hangingPunct="1">
              <a:lnSpc>
                <a:spcPct val="100000"/>
              </a:lnSpc>
              <a:spcBef>
                <a:spcPts val="200"/>
              </a:spcBef>
              <a:spcAft>
                <a:spcPts val="0"/>
              </a:spcAft>
              <a:buClr>
                <a:schemeClr val="accent1"/>
              </a:buClr>
              <a:buSzTx/>
              <a:buFont typeface="Arial" panose="020B0604020202020204" pitchFamily="34" charset="0"/>
              <a:buChar char="•"/>
              <a:tabLst/>
              <a:defRPr/>
            </a:pPr>
            <a:r>
              <a:rPr lang="en-US" sz="1000" b="0" dirty="0">
                <a:solidFill>
                  <a:schemeClr val="tx1"/>
                </a:solidFill>
                <a:latin typeface="Open Sans" panose="020B0606030504020204" pitchFamily="34" charset="0"/>
                <a:ea typeface="Open Sans" panose="020B0606030504020204" pitchFamily="34" charset="0"/>
                <a:cs typeface="Open Sans" panose="020B0606030504020204" pitchFamily="34" charset="0"/>
              </a:rPr>
              <a:t>Healthcare</a:t>
            </a:r>
            <a:endParaRPr lang="en-US" sz="1000" b="0" dirty="0">
              <a:solidFill>
                <a:srgbClr val="4A4A4C"/>
              </a:solidFill>
              <a:latin typeface="Open Sans" panose="020B0606030504020204" pitchFamily="34" charset="0"/>
              <a:ea typeface="Open Sans" panose="020B0606030504020204" pitchFamily="34" charset="0"/>
              <a:cs typeface="Open Sans" panose="020B0606030504020204" pitchFamily="34" charset="0"/>
            </a:endParaRPr>
          </a:p>
          <a:p>
            <a:pPr marL="171450" marR="0" lvl="0" indent="-171450" algn="l" defTabSz="914400" rtl="0" eaLnBrk="1" fontAlgn="auto" latinLnBrk="0" hangingPunct="1">
              <a:lnSpc>
                <a:spcPct val="100000"/>
              </a:lnSpc>
              <a:spcBef>
                <a:spcPts val="200"/>
              </a:spcBef>
              <a:spcAft>
                <a:spcPts val="0"/>
              </a:spcAft>
              <a:buClr>
                <a:schemeClr val="accent1"/>
              </a:buClr>
              <a:buSzTx/>
              <a:buFont typeface="Arial" panose="020B0604020202020204" pitchFamily="34" charset="0"/>
              <a:buChar char="•"/>
              <a:tabLst/>
              <a:defRPr/>
            </a:pPr>
            <a:endParaRPr lang="en-US" sz="1000" b="0" dirty="0">
              <a:solidFill>
                <a:srgbClr val="4A4A4C"/>
              </a:solidFill>
              <a:latin typeface="Open Sans" panose="020B0606030504020204" pitchFamily="34" charset="0"/>
              <a:ea typeface="Open Sans" panose="020B0606030504020204" pitchFamily="34" charset="0"/>
              <a:cs typeface="Open Sans" panose="020B0606030504020204" pitchFamily="34" charset="0"/>
            </a:endParaRPr>
          </a:p>
          <a:p>
            <a:pPr marL="230188" indent="-230188">
              <a:spcBef>
                <a:spcPts val="200"/>
              </a:spcBef>
              <a:spcAft>
                <a:spcPts val="0"/>
              </a:spcAft>
              <a:buClr>
                <a:schemeClr val="accent1"/>
              </a:buClr>
              <a:buFont typeface="Arial" panose="020B0604020202020204" pitchFamily="34" charset="0"/>
              <a:buChar char="•"/>
            </a:pPr>
            <a:endParaRPr lang="en-US" sz="1000" dirty="0">
              <a:latin typeface="Open Sans" panose="020B0606030504020204" pitchFamily="34" charset="0"/>
              <a:ea typeface="Open Sans" panose="020B0606030504020204" pitchFamily="34" charset="0"/>
              <a:cs typeface="Open Sans" panose="020B0606030504020204" pitchFamily="34" charset="0"/>
            </a:endParaRPr>
          </a:p>
          <a:p>
            <a:pPr marL="230188" indent="-230188">
              <a:spcBef>
                <a:spcPts val="200"/>
              </a:spcBef>
              <a:spcAft>
                <a:spcPts val="0"/>
              </a:spcAft>
              <a:buClr>
                <a:schemeClr val="accent1"/>
              </a:buClr>
              <a:buFont typeface="Arial" panose="020B0604020202020204" pitchFamily="34" charset="0"/>
              <a:buChar char="•"/>
            </a:pPr>
            <a:endParaRPr lang="en-US" sz="1000" dirty="0">
              <a:latin typeface="Open Sans" panose="020B0606030504020204" pitchFamily="34" charset="0"/>
              <a:ea typeface="Open Sans" panose="020B0606030504020204" pitchFamily="34" charset="0"/>
              <a:cs typeface="Open Sans" panose="020B0606030504020204" pitchFamily="34" charset="0"/>
            </a:endParaRPr>
          </a:p>
          <a:p>
            <a:pPr marL="230188" indent="-230188">
              <a:spcBef>
                <a:spcPts val="200"/>
              </a:spcBef>
              <a:spcAft>
                <a:spcPts val="0"/>
              </a:spcAft>
              <a:buClr>
                <a:schemeClr val="accent1"/>
              </a:buClr>
              <a:buFont typeface="Arial" panose="020B0604020202020204" pitchFamily="34" charset="0"/>
              <a:buChar char="•"/>
            </a:pPr>
            <a:endParaRPr lang="en-US" sz="1000" dirty="0">
              <a:latin typeface="Open Sans" panose="020B0606030504020204" pitchFamily="34" charset="0"/>
              <a:ea typeface="Open Sans" panose="020B0606030504020204" pitchFamily="34" charset="0"/>
              <a:cs typeface="Open Sans" panose="020B0606030504020204" pitchFamily="34" charset="0"/>
            </a:endParaRPr>
          </a:p>
          <a:p>
            <a:pPr marL="230188" indent="-230188">
              <a:spcBef>
                <a:spcPts val="200"/>
              </a:spcBef>
              <a:spcAft>
                <a:spcPts val="0"/>
              </a:spcAft>
              <a:buClr>
                <a:schemeClr val="accent1"/>
              </a:buClr>
              <a:buFont typeface="Arial" panose="020B0604020202020204" pitchFamily="34" charset="0"/>
              <a:buChar char="•"/>
            </a:pPr>
            <a:endParaRPr lang="en-US" sz="1000" dirty="0">
              <a:latin typeface="Open Sans" panose="020B0606030504020204" pitchFamily="34" charset="0"/>
              <a:ea typeface="Open Sans" panose="020B0606030504020204" pitchFamily="34" charset="0"/>
              <a:cs typeface="Open Sans" panose="020B0606030504020204" pitchFamily="34" charset="0"/>
            </a:endParaRPr>
          </a:p>
          <a:p>
            <a:pPr lvl="0"/>
            <a:endParaRPr lang="en-US" sz="1000" dirty="0">
              <a:latin typeface="Open Sans" panose="020B0606030504020204" pitchFamily="34" charset="0"/>
              <a:ea typeface="Open Sans" panose="020B0606030504020204" pitchFamily="34" charset="0"/>
              <a:cs typeface="Open Sans" panose="020B0606030504020204" pitchFamily="34" charset="0"/>
            </a:endParaRPr>
          </a:p>
          <a:p>
            <a:pPr lvl="0"/>
            <a:endParaRPr lang="en-US"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4" name="Slide Number Placeholder 3">
            <a:extLst>
              <a:ext uri="{FF2B5EF4-FFF2-40B4-BE49-F238E27FC236}">
                <a16:creationId xmlns:a16="http://schemas.microsoft.com/office/drawing/2014/main" id="{6D1027D5-F411-534C-8CB4-46B6361EF5E5}"/>
              </a:ext>
            </a:extLst>
          </p:cNvPr>
          <p:cNvSpPr txBox="1"/>
          <p:nvPr/>
        </p:nvSpPr>
        <p:spPr>
          <a:xfrm>
            <a:off x="3884608" y="8685208"/>
            <a:ext cx="2971800" cy="458791"/>
          </a:xfrm>
          <a:prstGeom prst="rect">
            <a:avLst/>
          </a:prstGeom>
          <a:noFill/>
          <a:ln cap="flat">
            <a:noFill/>
          </a:ln>
        </p:spPr>
        <p:txBody>
          <a:bodyPr vert="horz" wrap="square" lIns="91440" tIns="45720" rIns="91440" bIns="45720" anchor="b" anchorCtr="0" compatLnSpc="1">
            <a:noAutofit/>
          </a:bodyPr>
          <a:lstStyle/>
          <a:p>
            <a:pPr marL="0" marR="0" lvl="0" indent="0" algn="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fld id="{196DB5BF-7335-8C4A-B75E-4FF92E692A1B}" type="slidenum">
              <a:rPr kumimoji="0" sz="1800" b="0" i="0" u="none" strike="noStrike" kern="0" cap="none" spc="0" normalizeH="0" baseline="0" noProof="0">
                <a:ln>
                  <a:noFill/>
                </a:ln>
                <a:solidFill>
                  <a:srgbClr val="000000"/>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t>16</a:t>
            </a:fld>
            <a:endParaRPr kumimoji="0" lang="en-US" sz="1200" b="0" i="0" u="none" strike="noStrike" kern="1200" cap="none" spc="0" normalizeH="0" baseline="0" noProof="0">
              <a:ln>
                <a:noFill/>
              </a:ln>
              <a:solidFill>
                <a:srgbClr val="000000"/>
              </a:solidFill>
              <a:effectLst/>
              <a:uLnTx/>
              <a:uFillTx/>
              <a:latin typeface="Calibri"/>
              <a:ea typeface="+mn-ea"/>
              <a:cs typeface="+mn-cs"/>
            </a:endParaRPr>
          </a:p>
        </p:txBody>
      </p:sp>
      <p:sp>
        <p:nvSpPr>
          <p:cNvPr id="6" name="Speech Bubble: Rectangle 5">
            <a:extLst>
              <a:ext uri="{FF2B5EF4-FFF2-40B4-BE49-F238E27FC236}">
                <a16:creationId xmlns:a16="http://schemas.microsoft.com/office/drawing/2014/main" id="{CC9F6538-507F-47FE-AA4A-19009AE45FF2}"/>
              </a:ext>
            </a:extLst>
          </p:cNvPr>
          <p:cNvSpPr/>
          <p:nvPr/>
        </p:nvSpPr>
        <p:spPr>
          <a:xfrm>
            <a:off x="2789716" y="2320290"/>
            <a:ext cx="1278568" cy="731520"/>
          </a:xfrm>
          <a:prstGeom prst="wedgeRectCallout">
            <a:avLst/>
          </a:prstGeom>
          <a:no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900" dirty="0">
                <a:solidFill>
                  <a:schemeClr val="tx1"/>
                </a:solidFill>
              </a:rPr>
              <a:t>Change image to an education photo (perhaps Baldwin image?)</a:t>
            </a:r>
          </a:p>
        </p:txBody>
      </p:sp>
    </p:spTree>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1EC16B8-9344-FE4E-A52E-069E5CC54BE6}"/>
              </a:ext>
            </a:extLst>
          </p:cNvPr>
          <p:cNvSpPr>
            <a:spLocks noGrp="1" noRot="1" noChangeAspect="1"/>
          </p:cNvSpPr>
          <p:nvPr>
            <p:ph type="sldImg"/>
          </p:nvPr>
        </p:nvSpPr>
        <p:spPr>
          <a:xfrm>
            <a:off x="685800" y="1143000"/>
            <a:ext cx="5486400" cy="3086100"/>
          </a:xfrm>
        </p:spPr>
      </p:sp>
      <p:sp>
        <p:nvSpPr>
          <p:cNvPr id="3" name="Notes Placeholder 2">
            <a:extLst>
              <a:ext uri="{FF2B5EF4-FFF2-40B4-BE49-F238E27FC236}">
                <a16:creationId xmlns:a16="http://schemas.microsoft.com/office/drawing/2014/main" id="{552DC90D-2207-C143-AEFB-5501362226EB}"/>
              </a:ext>
            </a:extLst>
          </p:cNvPr>
          <p:cNvSpPr txBox="1">
            <a:spLocks noGrp="1"/>
          </p:cNvSpPr>
          <p:nvPr>
            <p:ph type="body" sz="quarter" idx="1"/>
          </p:nvPr>
        </p:nvSpPr>
        <p:spPr/>
        <p:txBody>
          <a:bodyPr/>
          <a:lstStyle/>
          <a:p>
            <a:pPr lvl="0"/>
            <a:endParaRPr lang="en-US"/>
          </a:p>
        </p:txBody>
      </p:sp>
      <p:sp>
        <p:nvSpPr>
          <p:cNvPr id="4" name="Slide Number Placeholder 3">
            <a:extLst>
              <a:ext uri="{FF2B5EF4-FFF2-40B4-BE49-F238E27FC236}">
                <a16:creationId xmlns:a16="http://schemas.microsoft.com/office/drawing/2014/main" id="{6D1027D5-F411-534C-8CB4-46B6361EF5E5}"/>
              </a:ext>
            </a:extLst>
          </p:cNvPr>
          <p:cNvSpPr txBox="1"/>
          <p:nvPr/>
        </p:nvSpPr>
        <p:spPr>
          <a:xfrm>
            <a:off x="3884608" y="8685208"/>
            <a:ext cx="2971800" cy="458791"/>
          </a:xfrm>
          <a:prstGeom prst="rect">
            <a:avLst/>
          </a:prstGeom>
          <a:noFill/>
          <a:ln cap="flat">
            <a:noFill/>
          </a:ln>
        </p:spPr>
        <p:txBody>
          <a:bodyPr vert="horz" wrap="square" lIns="91440" tIns="45720" rIns="91440" bIns="45720" anchor="b" anchorCtr="0" compatLnSpc="1">
            <a:noAutofit/>
          </a:bodyPr>
          <a:lstStyle/>
          <a:p>
            <a:pPr marL="0" marR="0" lvl="0" indent="0" algn="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fld id="{196DB5BF-7335-8C4A-B75E-4FF92E692A1B}" type="slidenum">
              <a:rPr/>
              <a:t>17</a:t>
            </a:fld>
            <a:endParaRPr lang="en-US" sz="1200" b="0" i="0" u="none" strike="noStrike" kern="1200" cap="none" spc="0" baseline="0">
              <a:solidFill>
                <a:srgbClr val="000000"/>
              </a:solidFill>
              <a:uFillTx/>
              <a:latin typeface="Calibri"/>
            </a:endParaRPr>
          </a:p>
        </p:txBody>
      </p:sp>
    </p:spTree>
    <p:extLst>
      <p:ext uri="{BB962C8B-B14F-4D97-AF65-F5344CB8AC3E}">
        <p14:creationId xmlns:p14="http://schemas.microsoft.com/office/powerpoint/2010/main" val="67730452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lvl="0"/>
            <a:fld id="{27B79B4D-80A4-8342-AC81-2DACBFA706B0}" type="slidenum">
              <a:rPr lang="en-US" smtClean="0"/>
              <a:t>18</a:t>
            </a:fld>
            <a:endParaRPr lang="en-US"/>
          </a:p>
        </p:txBody>
      </p:sp>
    </p:spTree>
    <p:extLst>
      <p:ext uri="{BB962C8B-B14F-4D97-AF65-F5344CB8AC3E}">
        <p14:creationId xmlns:p14="http://schemas.microsoft.com/office/powerpoint/2010/main" val="341265782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US" b="1" dirty="0"/>
              <a:t>Brand identity products</a:t>
            </a:r>
            <a:br>
              <a:rPr lang="en-US" dirty="0"/>
            </a:br>
            <a:r>
              <a:rPr lang="en-US" dirty="0"/>
              <a:t>Business cards, name badges and holders</a:t>
            </a:r>
            <a:br>
              <a:rPr lang="en-US" dirty="0"/>
            </a:br>
            <a:endParaRPr lang="en-US" dirty="0"/>
          </a:p>
          <a:p>
            <a:pPr marL="285750" indent="-285750">
              <a:buFont typeface="Arial" panose="020B0604020202020204" pitchFamily="34" charset="0"/>
              <a:buChar char="•"/>
            </a:pPr>
            <a:r>
              <a:rPr lang="en-US" b="1" dirty="0"/>
              <a:t>Signage</a:t>
            </a:r>
            <a:br>
              <a:rPr lang="en-US" dirty="0"/>
            </a:br>
            <a:r>
              <a:rPr lang="en-US" dirty="0"/>
              <a:t>Point of purchase, permanent and window</a:t>
            </a:r>
            <a:br>
              <a:rPr lang="en-US" dirty="0"/>
            </a:br>
            <a:endParaRPr lang="en-US" dirty="0"/>
          </a:p>
          <a:p>
            <a:pPr marL="285750" indent="-285750">
              <a:buFont typeface="Arial" panose="020B0604020202020204" pitchFamily="34" charset="0"/>
              <a:buChar char="•"/>
            </a:pPr>
            <a:r>
              <a:rPr lang="en-US" b="1" dirty="0"/>
              <a:t>Apparel products</a:t>
            </a:r>
            <a:br>
              <a:rPr lang="en-US" dirty="0"/>
            </a:br>
            <a:r>
              <a:rPr lang="en-US" dirty="0"/>
              <a:t>Uniform and logo wear — order quantity as low as 1</a:t>
            </a:r>
            <a:br>
              <a:rPr lang="en-US" dirty="0"/>
            </a:br>
            <a:endParaRPr lang="en-US" dirty="0"/>
          </a:p>
          <a:p>
            <a:pPr marL="285750" indent="-285750">
              <a:buFont typeface="Arial" panose="020B0604020202020204" pitchFamily="34" charset="0"/>
              <a:buChar char="•"/>
            </a:pPr>
            <a:r>
              <a:rPr lang="en-US" b="1" dirty="0"/>
              <a:t>Promotional products</a:t>
            </a:r>
            <a:br>
              <a:rPr lang="en-US" dirty="0"/>
            </a:br>
            <a:r>
              <a:rPr lang="en-US" dirty="0"/>
              <a:t>Employee rewards, new hire kits and events</a:t>
            </a:r>
          </a:p>
          <a:p>
            <a:endParaRPr lang="en-US" dirty="0"/>
          </a:p>
        </p:txBody>
      </p:sp>
      <p:sp>
        <p:nvSpPr>
          <p:cNvPr id="4" name="Slide Number Placeholder 3"/>
          <p:cNvSpPr>
            <a:spLocks noGrp="1"/>
          </p:cNvSpPr>
          <p:nvPr>
            <p:ph type="sldNum" sz="quarter" idx="5"/>
          </p:nvPr>
        </p:nvSpPr>
        <p:spPr/>
        <p:txBody>
          <a:bodyPr/>
          <a:lstStyle/>
          <a:p>
            <a:pPr lvl="0"/>
            <a:fld id="{27B79B4D-80A4-8342-AC81-2DACBFA706B0}" type="slidenum">
              <a:rPr lang="en-US" smtClean="0"/>
              <a:t>19</a:t>
            </a:fld>
            <a:endParaRPr lang="en-US"/>
          </a:p>
        </p:txBody>
      </p:sp>
    </p:spTree>
    <p:extLst>
      <p:ext uri="{BB962C8B-B14F-4D97-AF65-F5344CB8AC3E}">
        <p14:creationId xmlns:p14="http://schemas.microsoft.com/office/powerpoint/2010/main" val="2303086410"/>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lnSpc>
                <a:spcPct val="100000"/>
              </a:lnSpc>
              <a:spcBef>
                <a:spcPts val="500"/>
              </a:spcBef>
              <a:buFont typeface="Arial" panose="020B0604020202020204" pitchFamily="34" charset="0"/>
              <a:buNone/>
            </a:pPr>
            <a:r>
              <a:rPr lang="en-US" sz="1200" b="1">
                <a:solidFill>
                  <a:schemeClr val="accent1"/>
                </a:solidFill>
              </a:rPr>
              <a:t>TECHNOLOGY SOLUTIONS</a:t>
            </a:r>
          </a:p>
          <a:p>
            <a:pPr marL="176213" indent="-176213">
              <a:lnSpc>
                <a:spcPct val="100000"/>
              </a:lnSpc>
              <a:spcBef>
                <a:spcPts val="500"/>
              </a:spcBef>
              <a:buFont typeface="Arial" panose="020B0604020202020204" pitchFamily="34" charset="0"/>
              <a:buChar char="•"/>
            </a:pPr>
            <a:r>
              <a:rPr lang="en-US" sz="1200">
                <a:solidFill>
                  <a:schemeClr val="accent1"/>
                </a:solidFill>
              </a:rPr>
              <a:t>Most major computer and networking companies, including HP, Lenovo and Apple  </a:t>
            </a:r>
          </a:p>
          <a:p>
            <a:pPr marL="176213" indent="-176213">
              <a:lnSpc>
                <a:spcPct val="100000"/>
              </a:lnSpc>
              <a:spcBef>
                <a:spcPts val="500"/>
              </a:spcBef>
              <a:buFont typeface="Arial" panose="020B0604020202020204" pitchFamily="34" charset="0"/>
              <a:buChar char="•"/>
            </a:pPr>
            <a:r>
              <a:rPr lang="en-US" sz="1200">
                <a:solidFill>
                  <a:schemeClr val="accent1"/>
                </a:solidFill>
              </a:rPr>
              <a:t>Virus removal and security software</a:t>
            </a:r>
          </a:p>
          <a:p>
            <a:pPr marL="176213" indent="-176213">
              <a:lnSpc>
                <a:spcPct val="100000"/>
              </a:lnSpc>
              <a:spcBef>
                <a:spcPts val="500"/>
              </a:spcBef>
              <a:buFont typeface="Arial" panose="020B0604020202020204" pitchFamily="34" charset="0"/>
              <a:buChar char="•"/>
            </a:pPr>
            <a:r>
              <a:rPr lang="en-US" sz="1200">
                <a:solidFill>
                  <a:schemeClr val="accent1"/>
                </a:solidFill>
              </a:rPr>
              <a:t>Software optimization on new and existing devices</a:t>
            </a:r>
          </a:p>
          <a:p>
            <a:pPr marL="176213" indent="-176213">
              <a:lnSpc>
                <a:spcPct val="100000"/>
              </a:lnSpc>
              <a:spcBef>
                <a:spcPts val="500"/>
              </a:spcBef>
              <a:buFont typeface="Arial" panose="020B0604020202020204" pitchFamily="34" charset="0"/>
              <a:buChar char="•"/>
            </a:pPr>
            <a:r>
              <a:rPr lang="en-US" sz="1200">
                <a:solidFill>
                  <a:schemeClr val="accent1"/>
                </a:solidFill>
              </a:rPr>
              <a:t>Installations, moves or on-site support</a:t>
            </a:r>
          </a:p>
          <a:p>
            <a:pPr marL="176213" indent="-176213">
              <a:lnSpc>
                <a:spcPct val="100000"/>
              </a:lnSpc>
              <a:spcBef>
                <a:spcPts val="500"/>
              </a:spcBef>
              <a:buFont typeface="Arial" panose="020B0604020202020204" pitchFamily="34" charset="0"/>
              <a:buChar char="•"/>
            </a:pPr>
            <a:r>
              <a:rPr lang="en-US" sz="1200">
                <a:solidFill>
                  <a:schemeClr val="accent1"/>
                </a:solidFill>
              </a:rPr>
              <a:t>Performance protection plans and warranties</a:t>
            </a:r>
          </a:p>
          <a:p>
            <a:pPr marL="176213" indent="-176213">
              <a:lnSpc>
                <a:spcPct val="100000"/>
              </a:lnSpc>
              <a:spcBef>
                <a:spcPts val="500"/>
              </a:spcBef>
              <a:buFont typeface="Arial" panose="020B0604020202020204" pitchFamily="34" charset="0"/>
              <a:buChar char="•"/>
            </a:pPr>
            <a:r>
              <a:rPr lang="en-US" sz="1200">
                <a:solidFill>
                  <a:schemeClr val="accent1"/>
                </a:solidFill>
              </a:rPr>
              <a:t>Software licenses and imaging</a:t>
            </a:r>
          </a:p>
          <a:p>
            <a:pPr marL="176213" indent="-176213">
              <a:lnSpc>
                <a:spcPct val="100000"/>
              </a:lnSpc>
              <a:spcBef>
                <a:spcPts val="500"/>
              </a:spcBef>
              <a:buFont typeface="Arial" panose="020B0604020202020204" pitchFamily="34" charset="0"/>
              <a:buChar char="•"/>
            </a:pPr>
            <a:r>
              <a:rPr lang="en-US" sz="1200">
                <a:solidFill>
                  <a:schemeClr val="accent1"/>
                </a:solidFill>
              </a:rPr>
              <a:t>Cloud storage</a:t>
            </a:r>
          </a:p>
          <a:p>
            <a:pPr marL="176213" indent="-176213">
              <a:lnSpc>
                <a:spcPct val="100000"/>
              </a:lnSpc>
              <a:spcBef>
                <a:spcPts val="500"/>
              </a:spcBef>
              <a:buFont typeface="Arial" panose="020B0604020202020204" pitchFamily="34" charset="0"/>
              <a:buChar char="•"/>
            </a:pPr>
            <a:r>
              <a:rPr lang="en-US" sz="1200">
                <a:solidFill>
                  <a:schemeClr val="accent1"/>
                </a:solidFill>
              </a:rPr>
              <a:t>Asset life cycle services</a:t>
            </a:r>
          </a:p>
          <a:p>
            <a:pPr marL="176213" indent="-176213">
              <a:lnSpc>
                <a:spcPct val="100000"/>
              </a:lnSpc>
              <a:spcBef>
                <a:spcPts val="500"/>
              </a:spcBef>
              <a:buFont typeface="Arial" panose="020B0604020202020204" pitchFamily="34" charset="0"/>
              <a:buChar char="•"/>
            </a:pPr>
            <a:r>
              <a:rPr lang="en-US" sz="1200">
                <a:solidFill>
                  <a:schemeClr val="accent1"/>
                </a:solidFill>
              </a:rPr>
              <a:t>Managed Wi-Fi and hosted VoIP</a:t>
            </a:r>
          </a:p>
          <a:p>
            <a:pPr marL="176213" indent="-176213">
              <a:lnSpc>
                <a:spcPct val="100000"/>
              </a:lnSpc>
              <a:spcBef>
                <a:spcPts val="500"/>
              </a:spcBef>
              <a:buFont typeface="Arial" panose="020B0604020202020204" pitchFamily="34" charset="0"/>
              <a:buChar char="•"/>
            </a:pPr>
            <a:r>
              <a:rPr lang="en-US" sz="1200">
                <a:solidFill>
                  <a:schemeClr val="accent1"/>
                </a:solidFill>
              </a:rPr>
              <a:t>Hosted digital signage</a:t>
            </a:r>
          </a:p>
          <a:p>
            <a:pPr marL="176213" indent="-176213">
              <a:lnSpc>
                <a:spcPct val="100000"/>
              </a:lnSpc>
              <a:spcBef>
                <a:spcPts val="500"/>
              </a:spcBef>
              <a:buFont typeface="Arial" panose="020B0604020202020204" pitchFamily="34" charset="0"/>
              <a:buChar char="•"/>
            </a:pPr>
            <a:r>
              <a:rPr lang="en-US" sz="1200">
                <a:solidFill>
                  <a:schemeClr val="accent1"/>
                </a:solidFill>
              </a:rPr>
              <a:t>Data center assessments and services</a:t>
            </a:r>
          </a:p>
          <a:p>
            <a:pPr marL="176213" indent="-176213">
              <a:lnSpc>
                <a:spcPct val="100000"/>
              </a:lnSpc>
              <a:spcBef>
                <a:spcPts val="500"/>
              </a:spcBef>
              <a:buFont typeface="Arial" panose="020B0604020202020204" pitchFamily="34" charset="0"/>
              <a:buChar char="•"/>
            </a:pPr>
            <a:endParaRPr lang="en-US" sz="1200">
              <a:solidFill>
                <a:schemeClr val="accent1"/>
              </a:solidFill>
            </a:endParaRPr>
          </a:p>
          <a:p>
            <a:pPr marL="0" indent="0">
              <a:lnSpc>
                <a:spcPct val="100000"/>
              </a:lnSpc>
              <a:spcBef>
                <a:spcPts val="500"/>
              </a:spcBef>
              <a:buFont typeface="Arial" panose="020B0604020202020204" pitchFamily="34" charset="0"/>
              <a:buNone/>
            </a:pPr>
            <a:r>
              <a:rPr lang="en-US" sz="1200" b="1">
                <a:solidFill>
                  <a:schemeClr val="accent1"/>
                </a:solidFill>
              </a:rPr>
              <a:t>TECHNOLOGY SERVICES</a:t>
            </a:r>
          </a:p>
          <a:p>
            <a:pPr marL="176213" indent="-176213">
              <a:spcBef>
                <a:spcPts val="500"/>
              </a:spcBef>
              <a:buFont typeface="Arial" panose="020B0604020202020204" pitchFamily="34" charset="0"/>
              <a:buChar char="•"/>
            </a:pPr>
            <a:r>
              <a:rPr lang="en-US" sz="1200">
                <a:solidFill>
                  <a:schemeClr val="accent1"/>
                </a:solidFill>
              </a:rPr>
              <a:t>Multidevice management</a:t>
            </a:r>
          </a:p>
          <a:p>
            <a:pPr marL="176213" indent="-176213">
              <a:spcBef>
                <a:spcPts val="500"/>
              </a:spcBef>
              <a:buFont typeface="Arial" panose="020B0604020202020204" pitchFamily="34" charset="0"/>
              <a:buChar char="•"/>
            </a:pPr>
            <a:r>
              <a:rPr lang="en-US" sz="1200">
                <a:solidFill>
                  <a:schemeClr val="accent1"/>
                </a:solidFill>
              </a:rPr>
              <a:t>Procurement, configuration, deployment, support and disposal</a:t>
            </a:r>
          </a:p>
          <a:p>
            <a:pPr marL="176213" indent="-176213">
              <a:spcBef>
                <a:spcPts val="500"/>
              </a:spcBef>
              <a:buFont typeface="Arial" panose="020B0604020202020204" pitchFamily="34" charset="0"/>
              <a:buChar char="•"/>
            </a:pPr>
            <a:r>
              <a:rPr lang="en-US" sz="1200">
                <a:solidFill>
                  <a:schemeClr val="accent1"/>
                </a:solidFill>
              </a:rPr>
              <a:t>Self-help options</a:t>
            </a:r>
          </a:p>
          <a:p>
            <a:pPr marL="176213" indent="-176213">
              <a:spcBef>
                <a:spcPts val="500"/>
              </a:spcBef>
              <a:buFont typeface="Arial" panose="020B0604020202020204" pitchFamily="34" charset="0"/>
              <a:buChar char="•"/>
            </a:pPr>
            <a:r>
              <a:rPr lang="en-US" sz="1200">
                <a:solidFill>
                  <a:schemeClr val="accent1"/>
                </a:solidFill>
              </a:rPr>
              <a:t>Workplace support services</a:t>
            </a:r>
          </a:p>
          <a:p>
            <a:pPr marL="176213" indent="-176213">
              <a:spcBef>
                <a:spcPts val="500"/>
              </a:spcBef>
              <a:buFont typeface="Arial" panose="020B0604020202020204" pitchFamily="34" charset="0"/>
              <a:buChar char="•"/>
            </a:pPr>
            <a:r>
              <a:rPr lang="en-US" sz="1200">
                <a:solidFill>
                  <a:schemeClr val="accent1"/>
                </a:solidFill>
              </a:rPr>
              <a:t>Cloud services, backup, collaboration and data recovery</a:t>
            </a:r>
          </a:p>
          <a:p>
            <a:pPr marL="176213" indent="-176213">
              <a:spcBef>
                <a:spcPts val="500"/>
              </a:spcBef>
              <a:buFont typeface="Arial" panose="020B0604020202020204" pitchFamily="34" charset="0"/>
              <a:buChar char="•"/>
            </a:pPr>
            <a:r>
              <a:rPr lang="en-US" sz="1200">
                <a:solidFill>
                  <a:schemeClr val="accent1"/>
                </a:solidFill>
              </a:rPr>
              <a:t>New technology rollouts and migration</a:t>
            </a:r>
          </a:p>
          <a:p>
            <a:pPr marL="176213" indent="-176213">
              <a:spcBef>
                <a:spcPts val="500"/>
              </a:spcBef>
              <a:buFont typeface="Arial" panose="020B0604020202020204" pitchFamily="34" charset="0"/>
              <a:buChar char="•"/>
            </a:pPr>
            <a:r>
              <a:rPr lang="en-US" sz="1200">
                <a:solidFill>
                  <a:schemeClr val="accent1"/>
                </a:solidFill>
              </a:rPr>
              <a:t>Analytics and insights</a:t>
            </a:r>
          </a:p>
          <a:p>
            <a:pPr marL="176213" indent="-176213">
              <a:spcBef>
                <a:spcPts val="500"/>
              </a:spcBef>
              <a:buFont typeface="Arial" panose="020B0604020202020204" pitchFamily="34" charset="0"/>
              <a:buChar char="•"/>
            </a:pPr>
            <a:r>
              <a:rPr lang="en-US" sz="1200">
                <a:solidFill>
                  <a:schemeClr val="accent1"/>
                </a:solidFill>
              </a:rPr>
              <a:t>Automation</a:t>
            </a:r>
          </a:p>
          <a:p>
            <a:endParaRPr lang="en-US"/>
          </a:p>
          <a:p>
            <a:endParaRPr lang="en-US"/>
          </a:p>
        </p:txBody>
      </p:sp>
      <p:sp>
        <p:nvSpPr>
          <p:cNvPr id="4" name="Slide Number Placeholder 3"/>
          <p:cNvSpPr>
            <a:spLocks noGrp="1"/>
          </p:cNvSpPr>
          <p:nvPr>
            <p:ph type="sldNum" sz="quarter" idx="5"/>
          </p:nvPr>
        </p:nvSpPr>
        <p:spPr/>
        <p:txBody>
          <a:bodyPr/>
          <a:lstStyle/>
          <a:p>
            <a:fld id="{1BA507E2-913B-954E-84AC-02C5300DF5C5}" type="slidenum">
              <a:rPr lang="en-US" smtClean="0"/>
              <a:t>20</a:t>
            </a:fld>
            <a:endParaRPr lang="en-US"/>
          </a:p>
        </p:txBody>
      </p:sp>
    </p:spTree>
    <p:extLst>
      <p:ext uri="{BB962C8B-B14F-4D97-AF65-F5344CB8AC3E}">
        <p14:creationId xmlns:p14="http://schemas.microsoft.com/office/powerpoint/2010/main" val="186064947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spcBef>
                <a:spcPts val="500"/>
              </a:spcBef>
              <a:buNone/>
            </a:pPr>
            <a:r>
              <a:rPr lang="en-US" sz="1200" b="0">
                <a:solidFill>
                  <a:schemeClr val="accent1"/>
                </a:solidFill>
              </a:rPr>
              <a:t>• Leverage our world-class supply chain capabilities</a:t>
            </a:r>
          </a:p>
          <a:p>
            <a:pPr marL="0" indent="0">
              <a:spcBef>
                <a:spcPts val="500"/>
              </a:spcBef>
              <a:buNone/>
            </a:pPr>
            <a:r>
              <a:rPr lang="en-US" sz="1200" b="0">
                <a:solidFill>
                  <a:schemeClr val="accent1"/>
                </a:solidFill>
              </a:rPr>
              <a:t>• Count on our high service levels and fill rates</a:t>
            </a:r>
          </a:p>
          <a:p>
            <a:pPr marL="0" indent="0">
              <a:spcBef>
                <a:spcPts val="500"/>
              </a:spcBef>
              <a:buNone/>
            </a:pPr>
            <a:r>
              <a:rPr lang="en-US" sz="1200" b="0">
                <a:solidFill>
                  <a:schemeClr val="accent1"/>
                </a:solidFill>
              </a:rPr>
              <a:t>• Stay on top of — and consolidate — your facility spending</a:t>
            </a:r>
          </a:p>
          <a:p>
            <a:pPr marL="0" indent="0">
              <a:spcBef>
                <a:spcPts val="500"/>
              </a:spcBef>
              <a:buNone/>
            </a:pPr>
            <a:r>
              <a:rPr lang="en-US" sz="1200" b="0">
                <a:solidFill>
                  <a:schemeClr val="accent1"/>
                </a:solidFill>
              </a:rPr>
              <a:t>• Discover additional cost savings throughout your supply chain</a:t>
            </a:r>
          </a:p>
          <a:p>
            <a:pPr marL="0" indent="0">
              <a:spcBef>
                <a:spcPts val="500"/>
              </a:spcBef>
              <a:buNone/>
            </a:pPr>
            <a:endParaRPr lang="en-US" sz="1200" b="1">
              <a:solidFill>
                <a:schemeClr val="accent1"/>
              </a:solidFill>
            </a:endParaRPr>
          </a:p>
          <a:p>
            <a:pPr marL="0" indent="0">
              <a:spcBef>
                <a:spcPts val="500"/>
              </a:spcBef>
              <a:buNone/>
            </a:pPr>
            <a:r>
              <a:rPr lang="en-US" sz="1200" b="1">
                <a:solidFill>
                  <a:schemeClr val="accent1"/>
                </a:solidFill>
              </a:rPr>
              <a:t>A centralized solution for cleaning supplies</a:t>
            </a:r>
          </a:p>
          <a:p>
            <a:pPr marL="176213" indent="-176213">
              <a:spcBef>
                <a:spcPts val="500"/>
              </a:spcBef>
              <a:buClr>
                <a:schemeClr val="accent1"/>
              </a:buClr>
              <a:buFont typeface="Arial" panose="020B0604020202020204" pitchFamily="34" charset="0"/>
              <a:buChar char="•"/>
            </a:pPr>
            <a:r>
              <a:rPr lang="en-US" sz="1200">
                <a:solidFill>
                  <a:schemeClr val="accent1"/>
                </a:solidFill>
              </a:rPr>
              <a:t>Soaps and sanitizers</a:t>
            </a:r>
          </a:p>
          <a:p>
            <a:pPr marL="176213" indent="-176213">
              <a:spcBef>
                <a:spcPts val="500"/>
              </a:spcBef>
              <a:buClr>
                <a:schemeClr val="accent1"/>
              </a:buClr>
              <a:buFont typeface="Arial" panose="020B0604020202020204" pitchFamily="34" charset="0"/>
              <a:buChar char="•"/>
            </a:pPr>
            <a:r>
              <a:rPr lang="en-US" sz="1200">
                <a:solidFill>
                  <a:schemeClr val="accent1"/>
                </a:solidFill>
              </a:rPr>
              <a:t>Smart dosing and dilution control</a:t>
            </a:r>
          </a:p>
          <a:p>
            <a:pPr marL="176213" indent="-176213">
              <a:spcBef>
                <a:spcPts val="500"/>
              </a:spcBef>
              <a:buClr>
                <a:schemeClr val="accent1"/>
              </a:buClr>
              <a:buFont typeface="Arial" panose="020B0604020202020204" pitchFamily="34" charset="0"/>
              <a:buChar char="•"/>
            </a:pPr>
            <a:r>
              <a:rPr lang="en-US" sz="1200">
                <a:solidFill>
                  <a:schemeClr val="accent1"/>
                </a:solidFill>
              </a:rPr>
              <a:t>Tissues, towels and paper goods plus dispenser installation services</a:t>
            </a:r>
          </a:p>
          <a:p>
            <a:pPr marL="176213" indent="-176213">
              <a:spcBef>
                <a:spcPts val="500"/>
              </a:spcBef>
              <a:buClr>
                <a:schemeClr val="accent1"/>
              </a:buClr>
              <a:buFont typeface="Arial" panose="020B0604020202020204" pitchFamily="34" charset="0"/>
              <a:buChar char="•"/>
            </a:pPr>
            <a:r>
              <a:rPr lang="en-US" sz="1200">
                <a:solidFill>
                  <a:schemeClr val="accent1"/>
                </a:solidFill>
              </a:rPr>
              <a:t>Cleaners and chemicals</a:t>
            </a:r>
          </a:p>
          <a:p>
            <a:pPr marL="176213" indent="-176213">
              <a:spcBef>
                <a:spcPts val="500"/>
              </a:spcBef>
              <a:buClr>
                <a:schemeClr val="accent1"/>
              </a:buClr>
              <a:buFont typeface="Arial" panose="020B0604020202020204" pitchFamily="34" charset="0"/>
              <a:buChar char="•"/>
            </a:pPr>
            <a:r>
              <a:rPr lang="en-US" sz="1200">
                <a:solidFill>
                  <a:schemeClr val="accent1"/>
                </a:solidFill>
              </a:rPr>
              <a:t>Heavy-duty cleaning equipment and accessories</a:t>
            </a:r>
          </a:p>
          <a:p>
            <a:pPr marL="176213" lvl="1" indent="-176213">
              <a:buClr>
                <a:schemeClr val="accent1"/>
              </a:buClr>
              <a:buFont typeface="Arial" panose="020B0604020202020204" pitchFamily="34" charset="0"/>
              <a:buChar char="•"/>
            </a:pPr>
            <a:r>
              <a:rPr lang="en-US" sz="1200">
                <a:solidFill>
                  <a:schemeClr val="accent1"/>
                </a:solidFill>
              </a:rPr>
              <a:t>Trash bags and receptacles</a:t>
            </a:r>
          </a:p>
          <a:p>
            <a:pPr marL="176213" lvl="1" indent="-176213">
              <a:buClr>
                <a:schemeClr val="accent1"/>
              </a:buClr>
              <a:buFont typeface="Arial" panose="020B0604020202020204" pitchFamily="34" charset="0"/>
              <a:buChar char="•"/>
            </a:pPr>
            <a:r>
              <a:rPr lang="en-US" sz="1200">
                <a:solidFill>
                  <a:schemeClr val="accent1"/>
                </a:solidFill>
              </a:rPr>
              <a:t>First-aid kits and medical and safety items</a:t>
            </a:r>
          </a:p>
          <a:p>
            <a:pPr marL="176213" lvl="1" indent="-176213">
              <a:buClr>
                <a:schemeClr val="accent1"/>
              </a:buClr>
              <a:buFont typeface="Arial" panose="020B0604020202020204" pitchFamily="34" charset="0"/>
              <a:buChar char="•"/>
            </a:pPr>
            <a:r>
              <a:rPr lang="en-US" sz="1200">
                <a:solidFill>
                  <a:schemeClr val="accent1"/>
                </a:solidFill>
              </a:rPr>
              <a:t>Matting and floor care equipment</a:t>
            </a:r>
            <a:endParaRPr lang="en-US" sz="1200" b="1">
              <a:solidFill>
                <a:schemeClr val="accent1"/>
              </a:solidFill>
            </a:endParaRPr>
          </a:p>
          <a:p>
            <a:pPr marL="176213" lvl="1" indent="-176213">
              <a:buClr>
                <a:schemeClr val="accent1"/>
              </a:buClr>
              <a:buFont typeface="Arial" panose="020B0604020202020204" pitchFamily="34" charset="0"/>
              <a:buChar char="•"/>
            </a:pPr>
            <a:r>
              <a:rPr lang="en-US" sz="1200">
                <a:solidFill>
                  <a:schemeClr val="accent1"/>
                </a:solidFill>
              </a:rPr>
              <a:t>Totes and handcarts</a:t>
            </a:r>
          </a:p>
          <a:p>
            <a:pPr marL="176213" lvl="1" indent="-176213">
              <a:buClr>
                <a:schemeClr val="accent1"/>
              </a:buClr>
              <a:buFont typeface="Arial" panose="020B0604020202020204" pitchFamily="34" charset="0"/>
              <a:buChar char="•"/>
            </a:pPr>
            <a:r>
              <a:rPr lang="en-US" sz="1200">
                <a:solidFill>
                  <a:schemeClr val="accent1"/>
                </a:solidFill>
              </a:rPr>
              <a:t>Premier selection of greener alternatives</a:t>
            </a:r>
          </a:p>
          <a:p>
            <a:pPr marL="0" lvl="1" indent="0">
              <a:buNone/>
              <a:tabLst>
                <a:tab pos="296863" algn="l"/>
              </a:tabLst>
            </a:pPr>
            <a:endParaRPr lang="en-US" sz="1200" b="1">
              <a:solidFill>
                <a:schemeClr val="accent1"/>
              </a:solidFill>
            </a:endParaRPr>
          </a:p>
          <a:p>
            <a:pPr marL="0" lvl="1" indent="0">
              <a:buNone/>
              <a:tabLst>
                <a:tab pos="296863" algn="l"/>
              </a:tabLst>
            </a:pPr>
            <a:r>
              <a:rPr lang="en-US" sz="1200" b="1">
                <a:solidFill>
                  <a:schemeClr val="accent1"/>
                </a:solidFill>
              </a:rPr>
              <a:t>READY TO SHIP PROGRAM</a:t>
            </a:r>
          </a:p>
          <a:p>
            <a:pPr marL="0" lvl="1" indent="0">
              <a:buNone/>
              <a:tabLst>
                <a:tab pos="296863" algn="l"/>
              </a:tabLst>
            </a:pPr>
            <a:r>
              <a:rPr lang="en-US" sz="1200" b="0">
                <a:solidFill>
                  <a:schemeClr val="accent1"/>
                </a:solidFill>
              </a:rPr>
              <a:t>We stock thousands of cleaning and  breakroom products. More than 1,500 essential items that facilities use the most are stocked and Ready to Ship in our local distribution centers throughout the nation.</a:t>
            </a:r>
          </a:p>
          <a:p>
            <a:pPr marL="0" lvl="1" indent="0">
              <a:buNone/>
              <a:tabLst>
                <a:tab pos="296863" algn="l"/>
              </a:tabLst>
            </a:pPr>
            <a:r>
              <a:rPr lang="en-US" sz="1200" b="0">
                <a:solidFill>
                  <a:schemeClr val="accent1"/>
                </a:solidFill>
              </a:rPr>
              <a:t>These products typically get shipped out the same day — Monday through Friday — for delivery the next business day (if ordered by 3:00 p.m. local time)</a:t>
            </a:r>
            <a:endParaRPr lang="en-US" b="0"/>
          </a:p>
          <a:p>
            <a:endParaRPr lang="en-US"/>
          </a:p>
        </p:txBody>
      </p:sp>
      <p:sp>
        <p:nvSpPr>
          <p:cNvPr id="4" name="Slide Number Placeholder 3"/>
          <p:cNvSpPr>
            <a:spLocks noGrp="1"/>
          </p:cNvSpPr>
          <p:nvPr>
            <p:ph type="sldNum" sz="quarter" idx="5"/>
          </p:nvPr>
        </p:nvSpPr>
        <p:spPr/>
        <p:txBody>
          <a:bodyPr/>
          <a:lstStyle/>
          <a:p>
            <a:fld id="{1BA507E2-913B-954E-84AC-02C5300DF5C5}" type="slidenum">
              <a:rPr lang="en-US" smtClean="0"/>
              <a:t>21</a:t>
            </a:fld>
            <a:endParaRPr lang="en-US"/>
          </a:p>
        </p:txBody>
      </p:sp>
    </p:spTree>
    <p:extLst>
      <p:ext uri="{BB962C8B-B14F-4D97-AF65-F5344CB8AC3E}">
        <p14:creationId xmlns:p14="http://schemas.microsoft.com/office/powerpoint/2010/main" val="413076449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lvl="2" indent="0">
              <a:buClr>
                <a:schemeClr val="accent1"/>
              </a:buClr>
              <a:buSzTx/>
              <a:buFont typeface="Arial"/>
              <a:buNone/>
            </a:pPr>
            <a:r>
              <a:rPr lang="en-US" sz="1800" b="1" dirty="0">
                <a:solidFill>
                  <a:schemeClr val="accent1"/>
                </a:solidFill>
              </a:rPr>
              <a:t>Are you perking up productivity while providing some comforts of home?</a:t>
            </a:r>
          </a:p>
          <a:p>
            <a:pPr marL="0" lvl="2" indent="0">
              <a:buClr>
                <a:schemeClr val="accent1"/>
              </a:buClr>
              <a:buSzTx/>
              <a:buFont typeface="Arial"/>
              <a:buNone/>
            </a:pPr>
            <a:endParaRPr lang="en-US" sz="1800" dirty="0">
              <a:solidFill>
                <a:schemeClr val="accent1"/>
              </a:solidFill>
            </a:endParaRPr>
          </a:p>
          <a:p>
            <a:pPr marL="0" lvl="2" indent="0">
              <a:buClr>
                <a:schemeClr val="accent1"/>
              </a:buClr>
              <a:buSzTx/>
              <a:buFont typeface="Arial"/>
              <a:buNone/>
            </a:pPr>
            <a:r>
              <a:rPr lang="en-US" sz="1800" dirty="0">
                <a:solidFill>
                  <a:schemeClr val="accent1"/>
                </a:solidFill>
              </a:rPr>
              <a:t>Help boost your energy and morale with our wide range of breakroom supplies. From coffee and water services to customized shopping lists to individually wrapped items, we can help you keep your breakroom as refreshed as your workforce. </a:t>
            </a:r>
          </a:p>
          <a:p>
            <a:endParaRPr lang="en-US" dirty="0"/>
          </a:p>
        </p:txBody>
      </p:sp>
      <p:sp>
        <p:nvSpPr>
          <p:cNvPr id="4" name="Slide Number Placeholder 3"/>
          <p:cNvSpPr>
            <a:spLocks noGrp="1"/>
          </p:cNvSpPr>
          <p:nvPr>
            <p:ph type="sldNum" sz="quarter" idx="5"/>
          </p:nvPr>
        </p:nvSpPr>
        <p:spPr/>
        <p:txBody>
          <a:bodyPr/>
          <a:lstStyle/>
          <a:p>
            <a:fld id="{1BA507E2-913B-954E-84AC-02C5300DF5C5}" type="slidenum">
              <a:rPr lang="en-US" smtClean="0"/>
              <a:t>22</a:t>
            </a:fld>
            <a:endParaRPr lang="en-US"/>
          </a:p>
        </p:txBody>
      </p:sp>
    </p:spTree>
    <p:extLst>
      <p:ext uri="{BB962C8B-B14F-4D97-AF65-F5344CB8AC3E}">
        <p14:creationId xmlns:p14="http://schemas.microsoft.com/office/powerpoint/2010/main" val="3421545708"/>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9388" lvl="1" indent="-171450">
              <a:buClr>
                <a:schemeClr val="accent1"/>
              </a:buClr>
              <a:buFont typeface="Arial" panose="020B0604020202020204" pitchFamily="34" charset="0"/>
              <a:buChar char="•"/>
              <a:tabLst>
                <a:tab pos="169863" algn="l"/>
              </a:tabLst>
            </a:pPr>
            <a:r>
              <a:rPr lang="en-US" sz="1200">
                <a:solidFill>
                  <a:schemeClr val="accent1"/>
                </a:solidFill>
              </a:rPr>
              <a:t>Laptops and technology</a:t>
            </a:r>
          </a:p>
          <a:p>
            <a:pPr marL="179388" lvl="1" indent="-171450">
              <a:buClr>
                <a:schemeClr val="accent1"/>
              </a:buClr>
              <a:buFont typeface="Arial" panose="020B0604020202020204" pitchFamily="34" charset="0"/>
              <a:buChar char="•"/>
              <a:tabLst>
                <a:tab pos="169863" algn="l"/>
              </a:tabLst>
            </a:pPr>
            <a:r>
              <a:rPr lang="en-US" sz="1200">
                <a:solidFill>
                  <a:schemeClr val="accent1"/>
                </a:solidFill>
              </a:rPr>
              <a:t>Cybersecurity software</a:t>
            </a:r>
          </a:p>
          <a:p>
            <a:pPr marL="179388" lvl="1" indent="-171450">
              <a:buClr>
                <a:schemeClr val="accent1"/>
              </a:buClr>
              <a:buFont typeface="Arial" panose="020B0604020202020204" pitchFamily="34" charset="0"/>
              <a:buChar char="•"/>
              <a:tabLst>
                <a:tab pos="169863" algn="l"/>
              </a:tabLst>
            </a:pPr>
            <a:r>
              <a:rPr lang="en-US" sz="1200">
                <a:solidFill>
                  <a:schemeClr val="accent1"/>
                </a:solidFill>
              </a:rPr>
              <a:t>Videoconferencing and headsets</a:t>
            </a:r>
          </a:p>
          <a:p>
            <a:pPr marL="179388" lvl="1" indent="-171450">
              <a:buClr>
                <a:schemeClr val="accent1"/>
              </a:buClr>
              <a:buFont typeface="Arial" panose="020B0604020202020204" pitchFamily="34" charset="0"/>
              <a:buChar char="•"/>
              <a:tabLst>
                <a:tab pos="169863" algn="l"/>
              </a:tabLst>
            </a:pPr>
            <a:r>
              <a:rPr lang="en-US" sz="1200">
                <a:solidFill>
                  <a:schemeClr val="accent1"/>
                </a:solidFill>
              </a:rPr>
              <a:t>Printers, toner and paper</a:t>
            </a:r>
          </a:p>
          <a:p>
            <a:pPr marL="179388" lvl="1" indent="-171450">
              <a:buClr>
                <a:schemeClr val="accent1"/>
              </a:buClr>
              <a:buFont typeface="Arial" panose="020B0604020202020204" pitchFamily="34" charset="0"/>
              <a:buChar char="•"/>
              <a:tabLst>
                <a:tab pos="169863" algn="l"/>
              </a:tabLst>
            </a:pPr>
            <a:r>
              <a:rPr lang="en-US" sz="1200">
                <a:solidFill>
                  <a:schemeClr val="accent1"/>
                </a:solidFill>
              </a:rPr>
              <a:t>Ergonomic furniture</a:t>
            </a:r>
          </a:p>
          <a:p>
            <a:pPr marL="179388" lvl="1" indent="-171450">
              <a:buClr>
                <a:schemeClr val="accent1"/>
              </a:buClr>
              <a:buFont typeface="Arial" panose="020B0604020202020204" pitchFamily="34" charset="0"/>
              <a:buChar char="•"/>
              <a:tabLst>
                <a:tab pos="169863" algn="l"/>
              </a:tabLst>
            </a:pPr>
            <a:r>
              <a:rPr lang="en-US" sz="1200">
                <a:solidFill>
                  <a:schemeClr val="accent1"/>
                </a:solidFill>
              </a:rPr>
              <a:t>Files and organizers</a:t>
            </a:r>
          </a:p>
          <a:p>
            <a:pPr marL="179388" lvl="1" indent="-171450">
              <a:buClr>
                <a:schemeClr val="accent1"/>
              </a:buClr>
              <a:buFont typeface="Arial" panose="020B0604020202020204" pitchFamily="34" charset="0"/>
              <a:buChar char="•"/>
              <a:tabLst>
                <a:tab pos="169863" algn="l"/>
              </a:tabLst>
            </a:pPr>
            <a:r>
              <a:rPr lang="en-US" sz="1200">
                <a:solidFill>
                  <a:schemeClr val="accent1"/>
                </a:solidFill>
              </a:rPr>
              <a:t>Calendars and planners</a:t>
            </a:r>
          </a:p>
          <a:p>
            <a:pPr marL="179388" lvl="1" indent="-171450">
              <a:buClr>
                <a:schemeClr val="accent1"/>
              </a:buClr>
              <a:buFont typeface="Arial" panose="020B0604020202020204" pitchFamily="34" charset="0"/>
              <a:buChar char="•"/>
              <a:tabLst>
                <a:tab pos="169863" algn="l"/>
              </a:tabLst>
            </a:pPr>
            <a:r>
              <a:rPr lang="en-US" sz="1200">
                <a:solidFill>
                  <a:schemeClr val="accent1"/>
                </a:solidFill>
              </a:rPr>
              <a:t>Writing and supplies</a:t>
            </a:r>
          </a:p>
          <a:p>
            <a:endParaRPr lang="en-US"/>
          </a:p>
          <a:p>
            <a:endParaRPr lang="en-US"/>
          </a:p>
        </p:txBody>
      </p:sp>
      <p:sp>
        <p:nvSpPr>
          <p:cNvPr id="4" name="Slide Number Placeholder 3"/>
          <p:cNvSpPr>
            <a:spLocks noGrp="1"/>
          </p:cNvSpPr>
          <p:nvPr>
            <p:ph type="sldNum" sz="quarter" idx="5"/>
          </p:nvPr>
        </p:nvSpPr>
        <p:spPr/>
        <p:txBody>
          <a:bodyPr/>
          <a:lstStyle/>
          <a:p>
            <a:fld id="{1BA507E2-913B-954E-84AC-02C5300DF5C5}" type="slidenum">
              <a:rPr lang="en-US" smtClean="0"/>
              <a:t>23</a:t>
            </a:fld>
            <a:endParaRPr lang="en-US"/>
          </a:p>
        </p:txBody>
      </p:sp>
    </p:spTree>
    <p:extLst>
      <p:ext uri="{BB962C8B-B14F-4D97-AF65-F5344CB8AC3E}">
        <p14:creationId xmlns:p14="http://schemas.microsoft.com/office/powerpoint/2010/main" val="115972855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BA507E2-913B-954E-84AC-02C5300DF5C5}"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87594921"/>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42D734-02C4-CA44-2E73-C65147190B1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346410A-6AB4-AD8B-D4CD-57F51FC7785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CA169B0-EBA3-37F6-80FA-253337981454}"/>
              </a:ext>
            </a:extLst>
          </p:cNvPr>
          <p:cNvSpPr>
            <a:spLocks noGrp="1"/>
          </p:cNvSpPr>
          <p:nvPr>
            <p:ph type="body" idx="1"/>
          </p:nvPr>
        </p:nvSpPr>
        <p:spPr/>
        <p:txBody>
          <a:bodyPr/>
          <a:lstStyle/>
          <a:p>
            <a:endParaRPr lang="da-DK" dirty="0"/>
          </a:p>
        </p:txBody>
      </p:sp>
      <p:sp>
        <p:nvSpPr>
          <p:cNvPr id="4" name="Slide Number Placeholder 3">
            <a:extLst>
              <a:ext uri="{FF2B5EF4-FFF2-40B4-BE49-F238E27FC236}">
                <a16:creationId xmlns:a16="http://schemas.microsoft.com/office/drawing/2014/main" id="{8ACC4155-2EC9-EDE0-BF46-FE2128E3F0A4}"/>
              </a:ext>
            </a:extLst>
          </p:cNvPr>
          <p:cNvSpPr>
            <a:spLocks noGrp="1"/>
          </p:cNvSpPr>
          <p:nvPr>
            <p:ph type="sldNum" sz="quarter" idx="5"/>
          </p:nvPr>
        </p:nvSpPr>
        <p:spPr/>
        <p:txBody>
          <a:bodyPr/>
          <a:lstStyle/>
          <a:p>
            <a:fld id="{1BA507E2-913B-954E-84AC-02C5300DF5C5}" type="slidenum">
              <a:rPr lang="en-US" smtClean="0"/>
              <a:t>24</a:t>
            </a:fld>
            <a:endParaRPr lang="en-US"/>
          </a:p>
        </p:txBody>
      </p:sp>
    </p:spTree>
    <p:extLst>
      <p:ext uri="{BB962C8B-B14F-4D97-AF65-F5344CB8AC3E}">
        <p14:creationId xmlns:p14="http://schemas.microsoft.com/office/powerpoint/2010/main" val="3227659019"/>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1BA507E2-913B-954E-84AC-02C5300DF5C5}" type="slidenum">
              <a:rPr lang="en-US" smtClean="0"/>
              <a:t>25</a:t>
            </a:fld>
            <a:endParaRPr lang="en-US"/>
          </a:p>
        </p:txBody>
      </p:sp>
    </p:spTree>
    <p:extLst>
      <p:ext uri="{BB962C8B-B14F-4D97-AF65-F5344CB8AC3E}">
        <p14:creationId xmlns:p14="http://schemas.microsoft.com/office/powerpoint/2010/main" val="91098272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1BA507E2-913B-954E-84AC-02C5300DF5C5}" type="slidenum">
              <a:rPr lang="en-US" smtClean="0"/>
              <a:t>3</a:t>
            </a:fld>
            <a:endParaRPr lang="en-US"/>
          </a:p>
        </p:txBody>
      </p:sp>
    </p:spTree>
    <p:extLst>
      <p:ext uri="{BB962C8B-B14F-4D97-AF65-F5344CB8AC3E}">
        <p14:creationId xmlns:p14="http://schemas.microsoft.com/office/powerpoint/2010/main" val="345085227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1BA507E2-913B-954E-84AC-02C5300DF5C5}" type="slidenum">
              <a:rPr lang="en-US" smtClean="0"/>
              <a:t>8</a:t>
            </a:fld>
            <a:endParaRPr lang="en-US"/>
          </a:p>
        </p:txBody>
      </p:sp>
    </p:spTree>
    <p:extLst>
      <p:ext uri="{BB962C8B-B14F-4D97-AF65-F5344CB8AC3E}">
        <p14:creationId xmlns:p14="http://schemas.microsoft.com/office/powerpoint/2010/main" val="147398437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1BA507E2-913B-954E-84AC-02C5300DF5C5}" type="slidenum">
              <a:rPr lang="en-US" smtClean="0"/>
              <a:t>9</a:t>
            </a:fld>
            <a:endParaRPr lang="en-US"/>
          </a:p>
        </p:txBody>
      </p:sp>
    </p:spTree>
    <p:extLst>
      <p:ext uri="{BB962C8B-B14F-4D97-AF65-F5344CB8AC3E}">
        <p14:creationId xmlns:p14="http://schemas.microsoft.com/office/powerpoint/2010/main" val="378995139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Use the ODP Business Solutions Mobile app to quickly, easily and conveniently order the products and supplies you need for </a:t>
            </a:r>
            <a:r>
              <a:rPr lang="en-US"/>
              <a:t>your business.</a:t>
            </a:r>
            <a:endParaRPr lang="en-US" dirty="0"/>
          </a:p>
        </p:txBody>
      </p:sp>
      <p:sp>
        <p:nvSpPr>
          <p:cNvPr id="4" name="Slide Number Placeholder 3"/>
          <p:cNvSpPr>
            <a:spLocks noGrp="1"/>
          </p:cNvSpPr>
          <p:nvPr>
            <p:ph type="sldNum" sz="quarter" idx="5"/>
          </p:nvPr>
        </p:nvSpPr>
        <p:spPr/>
        <p:txBody>
          <a:bodyPr/>
          <a:lstStyle/>
          <a:p>
            <a:fld id="{1BA507E2-913B-954E-84AC-02C5300DF5C5}" type="slidenum">
              <a:rPr lang="en-US" smtClean="0"/>
              <a:t>10</a:t>
            </a:fld>
            <a:endParaRPr lang="en-US"/>
          </a:p>
        </p:txBody>
      </p:sp>
    </p:spTree>
    <p:extLst>
      <p:ext uri="{BB962C8B-B14F-4D97-AF65-F5344CB8AC3E}">
        <p14:creationId xmlns:p14="http://schemas.microsoft.com/office/powerpoint/2010/main" val="240674843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1BA507E2-913B-954E-84AC-02C5300DF5C5}" type="slidenum">
              <a:rPr lang="en-US" smtClean="0"/>
              <a:t>11</a:t>
            </a:fld>
            <a:endParaRPr lang="en-US"/>
          </a:p>
        </p:txBody>
      </p:sp>
    </p:spTree>
    <p:extLst>
      <p:ext uri="{BB962C8B-B14F-4D97-AF65-F5344CB8AC3E}">
        <p14:creationId xmlns:p14="http://schemas.microsoft.com/office/powerpoint/2010/main" val="414062391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spcBef>
                <a:spcPts val="500"/>
              </a:spcBef>
              <a:buFont typeface="Arial" panose="020B0604020202020204" pitchFamily="34" charset="0"/>
              <a:buNone/>
            </a:pPr>
            <a:r>
              <a:rPr lang="en-US" sz="1200" b="1">
                <a:solidFill>
                  <a:schemeClr val="accent1"/>
                </a:solidFill>
              </a:rPr>
              <a:t>Discover our collection of brands that strive to offer high quality at an exceptional value:</a:t>
            </a:r>
            <a:endParaRPr lang="en-US" sz="1050" b="1">
              <a:solidFill>
                <a:schemeClr val="accent1"/>
              </a:solidFill>
            </a:endParaRPr>
          </a:p>
          <a:p>
            <a:pPr marL="171450" indent="-171450">
              <a:spcBef>
                <a:spcPts val="500"/>
              </a:spcBef>
              <a:buFont typeface="Arial" panose="020B0604020202020204" pitchFamily="34" charset="0"/>
              <a:buChar char="•"/>
            </a:pPr>
            <a:r>
              <a:rPr lang="en-US" sz="1200" b="1">
                <a:solidFill>
                  <a:schemeClr val="accent1"/>
                </a:solidFill>
              </a:rPr>
              <a:t>TUL</a:t>
            </a:r>
            <a:r>
              <a:rPr lang="en-US" sz="1200" b="1" baseline="30000">
                <a:solidFill>
                  <a:schemeClr val="accent1"/>
                </a:solidFill>
              </a:rPr>
              <a:t>®</a:t>
            </a:r>
            <a:r>
              <a:rPr lang="en-US" sz="1200" b="1">
                <a:solidFill>
                  <a:schemeClr val="accent1"/>
                </a:solidFill>
              </a:rPr>
              <a:t>: </a:t>
            </a:r>
            <a:r>
              <a:rPr lang="en-US" sz="1200">
                <a:solidFill>
                  <a:schemeClr val="accent1"/>
                </a:solidFill>
              </a:rPr>
              <a:t>High performance writing instruments and custom note-taking system</a:t>
            </a:r>
          </a:p>
          <a:p>
            <a:pPr marL="171450" indent="-171450">
              <a:spcBef>
                <a:spcPts val="500"/>
              </a:spcBef>
              <a:buFont typeface="Arial" panose="020B0604020202020204" pitchFamily="34" charset="0"/>
              <a:buChar char="•"/>
            </a:pPr>
            <a:r>
              <a:rPr lang="en-US" sz="1200" b="1">
                <a:solidFill>
                  <a:schemeClr val="accent1"/>
                </a:solidFill>
              </a:rPr>
              <a:t>WorkPro</a:t>
            </a:r>
            <a:r>
              <a:rPr lang="en-US" sz="1200" b="1" baseline="30000">
                <a:solidFill>
                  <a:schemeClr val="accent1"/>
                </a:solidFill>
              </a:rPr>
              <a:t>®</a:t>
            </a:r>
            <a:r>
              <a:rPr lang="en-US" sz="1200" b="1">
                <a:solidFill>
                  <a:schemeClr val="accent1"/>
                </a:solidFill>
              </a:rPr>
              <a:t>: </a:t>
            </a:r>
            <a:r>
              <a:rPr lang="en-US" sz="1200">
                <a:solidFill>
                  <a:schemeClr val="accent1"/>
                </a:solidFill>
              </a:rPr>
              <a:t>Multi-use commercial-grade furniture and seating</a:t>
            </a:r>
          </a:p>
          <a:p>
            <a:pPr marL="171450" indent="-171450">
              <a:spcBef>
                <a:spcPts val="500"/>
              </a:spcBef>
              <a:buFont typeface="Arial" panose="020B0604020202020204" pitchFamily="34" charset="0"/>
              <a:buChar char="•"/>
            </a:pPr>
            <a:r>
              <a:rPr lang="en-US" sz="1200" b="1">
                <a:solidFill>
                  <a:schemeClr val="accent1"/>
                </a:solidFill>
              </a:rPr>
              <a:t>Realspace</a:t>
            </a:r>
            <a:r>
              <a:rPr lang="en-US" sz="1200" b="1" baseline="30000">
                <a:solidFill>
                  <a:schemeClr val="accent1"/>
                </a:solidFill>
              </a:rPr>
              <a:t>®</a:t>
            </a:r>
            <a:r>
              <a:rPr lang="en-US" sz="1200" b="1">
                <a:solidFill>
                  <a:schemeClr val="accent1"/>
                </a:solidFill>
              </a:rPr>
              <a:t>: </a:t>
            </a:r>
            <a:r>
              <a:rPr lang="en-US" sz="1200">
                <a:solidFill>
                  <a:schemeClr val="accent1"/>
                </a:solidFill>
              </a:rPr>
              <a:t>Affordable, versatile furniture and accessories for stylish workspaces</a:t>
            </a:r>
          </a:p>
          <a:p>
            <a:pPr marL="171450" indent="-171450">
              <a:spcBef>
                <a:spcPts val="500"/>
              </a:spcBef>
              <a:buFont typeface="Arial" panose="020B0604020202020204" pitchFamily="34" charset="0"/>
              <a:buChar char="•"/>
            </a:pPr>
            <a:r>
              <a:rPr lang="en-US" sz="1200" b="1">
                <a:solidFill>
                  <a:schemeClr val="accent1"/>
                </a:solidFill>
              </a:rPr>
              <a:t>Highmark</a:t>
            </a:r>
            <a:r>
              <a:rPr lang="en-US" sz="1200" b="1" baseline="30000">
                <a:solidFill>
                  <a:schemeClr val="accent1"/>
                </a:solidFill>
              </a:rPr>
              <a:t>®</a:t>
            </a:r>
            <a:r>
              <a:rPr lang="en-US" sz="1200" b="1">
                <a:solidFill>
                  <a:schemeClr val="accent1"/>
                </a:solidFill>
              </a:rPr>
              <a:t>: </a:t>
            </a:r>
            <a:r>
              <a:rPr lang="en-US" sz="1200">
                <a:solidFill>
                  <a:schemeClr val="accent1"/>
                </a:solidFill>
              </a:rPr>
              <a:t>Quality, value-packed cleaning and breakroom supplies</a:t>
            </a:r>
          </a:p>
          <a:p>
            <a:pPr marL="171450" indent="-171450">
              <a:spcBef>
                <a:spcPts val="500"/>
              </a:spcBef>
              <a:buFont typeface="Arial" panose="020B0604020202020204" pitchFamily="34" charset="0"/>
              <a:buChar char="•"/>
            </a:pPr>
            <a:r>
              <a:rPr lang="en-US" sz="1200" b="1" err="1">
                <a:solidFill>
                  <a:schemeClr val="accent1"/>
                </a:solidFill>
              </a:rPr>
              <a:t>Ativa</a:t>
            </a:r>
            <a:r>
              <a:rPr lang="en-US" sz="1200" b="1" baseline="30000">
                <a:solidFill>
                  <a:schemeClr val="accent1"/>
                </a:solidFill>
              </a:rPr>
              <a:t>®</a:t>
            </a:r>
            <a:r>
              <a:rPr lang="en-US" sz="1200" b="1">
                <a:solidFill>
                  <a:schemeClr val="accent1"/>
                </a:solidFill>
              </a:rPr>
              <a:t>: </a:t>
            </a:r>
            <a:r>
              <a:rPr lang="en-US" sz="1200">
                <a:solidFill>
                  <a:schemeClr val="accent1"/>
                </a:solidFill>
              </a:rPr>
              <a:t>Reliable shredders and intuitive tech accessories</a:t>
            </a:r>
          </a:p>
          <a:p>
            <a:pPr marL="171450" indent="-171450">
              <a:spcBef>
                <a:spcPts val="500"/>
              </a:spcBef>
              <a:buFont typeface="Arial" panose="020B0604020202020204" pitchFamily="34" charset="0"/>
              <a:buChar char="•"/>
            </a:pPr>
            <a:r>
              <a:rPr lang="en-US" sz="1200" b="1">
                <a:solidFill>
                  <a:schemeClr val="accent1"/>
                </a:solidFill>
              </a:rPr>
              <a:t>High-Quality School Supplies: </a:t>
            </a:r>
            <a:r>
              <a:rPr lang="en-US" sz="1200">
                <a:solidFill>
                  <a:schemeClr val="accent1"/>
                </a:solidFill>
              </a:rPr>
              <a:t>Trusted, high-quality school supplies, instruction books and more</a:t>
            </a:r>
          </a:p>
          <a:p>
            <a:pPr marL="171450" indent="-171450">
              <a:spcBef>
                <a:spcPts val="500"/>
              </a:spcBef>
              <a:buFont typeface="Arial" panose="020B0604020202020204" pitchFamily="34" charset="0"/>
              <a:buChar char="•"/>
            </a:pPr>
            <a:r>
              <a:rPr lang="en-US" sz="1200" b="1">
                <a:solidFill>
                  <a:schemeClr val="accent1"/>
                </a:solidFill>
              </a:rPr>
              <a:t>See Jane Work</a:t>
            </a:r>
            <a:r>
              <a:rPr lang="en-US" sz="1200" b="1" baseline="30000">
                <a:solidFill>
                  <a:schemeClr val="accent1"/>
                </a:solidFill>
              </a:rPr>
              <a:t>®</a:t>
            </a:r>
            <a:r>
              <a:rPr lang="en-US" sz="1200" b="1">
                <a:solidFill>
                  <a:schemeClr val="accent1"/>
                </a:solidFill>
              </a:rPr>
              <a:t> Exclusive Brand Partner: </a:t>
            </a:r>
            <a:r>
              <a:rPr lang="en-US" sz="1200">
                <a:solidFill>
                  <a:schemeClr val="accent1"/>
                </a:solidFill>
              </a:rPr>
              <a:t>Stylish desk sets, furniture and accessories for your organized workspace</a:t>
            </a:r>
          </a:p>
          <a:p>
            <a:pPr marL="171450" indent="-171450">
              <a:spcBef>
                <a:spcPts val="500"/>
              </a:spcBef>
              <a:buFont typeface="Arial" panose="020B0604020202020204" pitchFamily="34" charset="0"/>
              <a:buChar char="•"/>
            </a:pPr>
            <a:r>
              <a:rPr lang="en-US" sz="1200" b="1">
                <a:solidFill>
                  <a:schemeClr val="accent1"/>
                </a:solidFill>
              </a:rPr>
              <a:t>Executive Suite</a:t>
            </a:r>
            <a:r>
              <a:rPr lang="en-US" sz="1200" b="1" baseline="30000">
                <a:solidFill>
                  <a:schemeClr val="accent1"/>
                </a:solidFill>
              </a:rPr>
              <a:t>®</a:t>
            </a:r>
            <a:r>
              <a:rPr lang="en-US" sz="1200" b="1">
                <a:solidFill>
                  <a:schemeClr val="accent1"/>
                </a:solidFill>
              </a:rPr>
              <a:t>: </a:t>
            </a:r>
            <a:r>
              <a:rPr lang="en-US" sz="1200">
                <a:solidFill>
                  <a:schemeClr val="accent1"/>
                </a:solidFill>
              </a:rPr>
              <a:t>Fresh, delicious coffees that rival national brands for taste and quality</a:t>
            </a:r>
          </a:p>
          <a:p>
            <a:endParaRPr lang="en-US" sz="1400"/>
          </a:p>
          <a:p>
            <a:pPr marL="0" indent="0">
              <a:spcBef>
                <a:spcPts val="500"/>
              </a:spcBef>
              <a:buNone/>
            </a:pPr>
            <a:endParaRPr lang="en-US" sz="1200">
              <a:solidFill>
                <a:schemeClr val="accent1"/>
              </a:solidFill>
            </a:endParaRPr>
          </a:p>
          <a:p>
            <a:pPr marL="0" indent="0">
              <a:spcBef>
                <a:spcPts val="500"/>
              </a:spcBef>
              <a:buNone/>
            </a:pPr>
            <a:endParaRPr lang="en-US" sz="1400">
              <a:solidFill>
                <a:schemeClr val="accent1"/>
              </a:solidFill>
            </a:endParaRPr>
          </a:p>
          <a:p>
            <a:pPr>
              <a:spcBef>
                <a:spcPts val="500"/>
              </a:spcBef>
            </a:pPr>
            <a:endParaRPr lang="en-US" sz="1400">
              <a:solidFill>
                <a:schemeClr val="accent1"/>
              </a:solidFill>
            </a:endParaRPr>
          </a:p>
          <a:p>
            <a:pPr>
              <a:spcBef>
                <a:spcPts val="500"/>
              </a:spcBef>
            </a:pPr>
            <a:endParaRPr lang="en-US" sz="1400">
              <a:solidFill>
                <a:schemeClr val="accent1"/>
              </a:solidFill>
            </a:endParaRPr>
          </a:p>
          <a:p>
            <a:endParaRPr lang="en-US"/>
          </a:p>
          <a:p>
            <a:endParaRPr lang="en-US"/>
          </a:p>
        </p:txBody>
      </p:sp>
      <p:sp>
        <p:nvSpPr>
          <p:cNvPr id="4" name="Slide Number Placeholder 3"/>
          <p:cNvSpPr>
            <a:spLocks noGrp="1"/>
          </p:cNvSpPr>
          <p:nvPr>
            <p:ph type="sldNum" sz="quarter" idx="5"/>
          </p:nvPr>
        </p:nvSpPr>
        <p:spPr/>
        <p:txBody>
          <a:bodyPr/>
          <a:lstStyle/>
          <a:p>
            <a:fld id="{1BA507E2-913B-954E-84AC-02C5300DF5C5}" type="slidenum">
              <a:rPr lang="en-US" smtClean="0"/>
              <a:t>12</a:t>
            </a:fld>
            <a:endParaRPr lang="en-US"/>
          </a:p>
        </p:txBody>
      </p:sp>
    </p:spTree>
    <p:extLst>
      <p:ext uri="{BB962C8B-B14F-4D97-AF65-F5344CB8AC3E}">
        <p14:creationId xmlns:p14="http://schemas.microsoft.com/office/powerpoint/2010/main" val="49294961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spcBef>
                <a:spcPts val="500"/>
              </a:spcBef>
              <a:buNone/>
            </a:pPr>
            <a:r>
              <a:rPr lang="en-US" sz="1200" b="1">
                <a:solidFill>
                  <a:schemeClr val="accent1"/>
                </a:solidFill>
              </a:rPr>
              <a:t>Convenience you can count on</a:t>
            </a:r>
          </a:p>
          <a:p>
            <a:pPr marL="171450" indent="-171450">
              <a:spcBef>
                <a:spcPts val="500"/>
              </a:spcBef>
              <a:buFont typeface="Arial" panose="020B0604020202020204" pitchFamily="34" charset="0"/>
              <a:buChar char="•"/>
            </a:pPr>
            <a:r>
              <a:rPr lang="en-US" sz="1200">
                <a:solidFill>
                  <a:schemeClr val="accent1"/>
                </a:solidFill>
              </a:rPr>
              <a:t>Schedule and control automatic deliveries</a:t>
            </a:r>
          </a:p>
          <a:p>
            <a:pPr marL="171450" indent="-171450">
              <a:spcBef>
                <a:spcPts val="500"/>
              </a:spcBef>
              <a:buFont typeface="Arial" panose="020B0604020202020204" pitchFamily="34" charset="0"/>
              <a:buChar char="•"/>
            </a:pPr>
            <a:r>
              <a:rPr lang="en-US" sz="1200">
                <a:solidFill>
                  <a:schemeClr val="accent1"/>
                </a:solidFill>
              </a:rPr>
              <a:t>Simple to set up</a:t>
            </a:r>
          </a:p>
          <a:p>
            <a:pPr marL="171450" indent="-171450">
              <a:spcBef>
                <a:spcPts val="500"/>
              </a:spcBef>
              <a:buFont typeface="Arial" panose="020B0604020202020204" pitchFamily="34" charset="0"/>
              <a:buChar char="•"/>
            </a:pPr>
            <a:r>
              <a:rPr lang="en-US" sz="1200">
                <a:solidFill>
                  <a:schemeClr val="accent1"/>
                </a:solidFill>
              </a:rPr>
              <a:t>No commitments</a:t>
            </a:r>
          </a:p>
          <a:p>
            <a:pPr marL="628650" lvl="1" indent="-171450">
              <a:buFont typeface="Arial" panose="020B0604020202020204" pitchFamily="34" charset="0"/>
              <a:buChar char="•"/>
            </a:pPr>
            <a:r>
              <a:rPr lang="en-US" sz="1200">
                <a:solidFill>
                  <a:schemeClr val="accent1"/>
                </a:solidFill>
              </a:rPr>
              <a:t>Change or cancel at any time</a:t>
            </a:r>
          </a:p>
          <a:p>
            <a:pPr marL="171450" indent="-171450">
              <a:spcBef>
                <a:spcPts val="500"/>
              </a:spcBef>
              <a:buFont typeface="Arial" panose="020B0604020202020204" pitchFamily="34" charset="0"/>
              <a:buChar char="•"/>
            </a:pPr>
            <a:r>
              <a:rPr lang="en-US" sz="1200">
                <a:solidFill>
                  <a:schemeClr val="accent1"/>
                </a:solidFill>
              </a:rPr>
              <a:t>Zero fees</a:t>
            </a:r>
          </a:p>
          <a:p>
            <a:pPr marL="171450" indent="-171450">
              <a:spcBef>
                <a:spcPts val="500"/>
              </a:spcBef>
              <a:buFont typeface="Arial" panose="020B0604020202020204" pitchFamily="34" charset="0"/>
              <a:buChar char="•"/>
            </a:pPr>
            <a:r>
              <a:rPr lang="en-US" sz="1200">
                <a:solidFill>
                  <a:schemeClr val="accent1"/>
                </a:solidFill>
              </a:rPr>
              <a:t>Choose quantity and frequency of deliveries</a:t>
            </a:r>
          </a:p>
          <a:p>
            <a:pPr marL="628650" lvl="1" indent="-171450">
              <a:buFont typeface="Arial" panose="020B0604020202020204" pitchFamily="34" charset="0"/>
              <a:buChar char="•"/>
            </a:pPr>
            <a:r>
              <a:rPr lang="en-US" sz="1200">
                <a:solidFill>
                  <a:schemeClr val="accent1"/>
                </a:solidFill>
              </a:rPr>
              <a:t>Weekly, quarterly and everything in between</a:t>
            </a:r>
            <a:endParaRPr lang="en-US" sz="1200" b="1">
              <a:solidFill>
                <a:schemeClr val="accent1"/>
              </a:solidFill>
            </a:endParaRPr>
          </a:p>
          <a:p>
            <a:pPr marL="0" indent="0">
              <a:spcBef>
                <a:spcPts val="500"/>
              </a:spcBef>
              <a:buNone/>
            </a:pPr>
            <a:endParaRPr lang="en-US" sz="1200" b="1">
              <a:solidFill>
                <a:schemeClr val="accent1"/>
              </a:solidFill>
            </a:endParaRPr>
          </a:p>
          <a:p>
            <a:pPr marL="0" indent="0">
              <a:spcBef>
                <a:spcPts val="500"/>
              </a:spcBef>
              <a:buNone/>
            </a:pPr>
            <a:r>
              <a:rPr lang="en-US" sz="1200" b="1">
                <a:solidFill>
                  <a:schemeClr val="accent1"/>
                </a:solidFill>
              </a:rPr>
              <a:t>The products you want, when you want them</a:t>
            </a:r>
          </a:p>
          <a:p>
            <a:pPr marL="171450" indent="-171450" algn="l">
              <a:spcBef>
                <a:spcPts val="500"/>
              </a:spcBef>
              <a:buFont typeface="Arial" panose="020B0604020202020204" pitchFamily="34" charset="0"/>
              <a:buChar char="•"/>
            </a:pPr>
            <a:r>
              <a:rPr lang="en-US" sz="1200">
                <a:solidFill>
                  <a:schemeClr val="accent1"/>
                </a:solidFill>
              </a:rPr>
              <a:t>Breakroom supplies</a:t>
            </a:r>
          </a:p>
          <a:p>
            <a:pPr marL="628650" lvl="1" indent="-171450" algn="l">
              <a:buFont typeface="Arial" panose="020B0604020202020204" pitchFamily="34" charset="0"/>
              <a:buChar char="•"/>
            </a:pPr>
            <a:r>
              <a:rPr lang="en-US" sz="1200">
                <a:solidFill>
                  <a:schemeClr val="accent1"/>
                </a:solidFill>
              </a:rPr>
              <a:t>Coffee, water, snacks and more</a:t>
            </a:r>
          </a:p>
          <a:p>
            <a:pPr marL="171450" indent="-171450" algn="l">
              <a:spcBef>
                <a:spcPts val="500"/>
              </a:spcBef>
              <a:buFont typeface="Arial" panose="020B0604020202020204" pitchFamily="34" charset="0"/>
              <a:buChar char="•"/>
            </a:pPr>
            <a:r>
              <a:rPr lang="en-US" sz="1200">
                <a:solidFill>
                  <a:schemeClr val="accent1"/>
                </a:solidFill>
              </a:rPr>
              <a:t>Cleaning supplies</a:t>
            </a:r>
          </a:p>
          <a:p>
            <a:pPr marL="628650" lvl="1" indent="-171450" algn="l">
              <a:buFont typeface="Arial" panose="020B0604020202020204" pitchFamily="34" charset="0"/>
              <a:buChar char="•"/>
            </a:pPr>
            <a:r>
              <a:rPr lang="en-US" sz="1200">
                <a:solidFill>
                  <a:schemeClr val="accent1"/>
                </a:solidFill>
              </a:rPr>
              <a:t>Paper towels, trash bags, cleaners and more</a:t>
            </a:r>
          </a:p>
          <a:p>
            <a:pPr marL="171450" indent="-171450" algn="l">
              <a:spcBef>
                <a:spcPts val="500"/>
              </a:spcBef>
              <a:buFont typeface="Arial" panose="020B0604020202020204" pitchFamily="34" charset="0"/>
              <a:buChar char="•"/>
            </a:pPr>
            <a:r>
              <a:rPr lang="en-US" sz="1200">
                <a:solidFill>
                  <a:schemeClr val="accent1"/>
                </a:solidFill>
              </a:rPr>
              <a:t>Office supplies </a:t>
            </a:r>
          </a:p>
          <a:p>
            <a:pPr marL="628650" lvl="1" indent="-171450" algn="l">
              <a:buFont typeface="Arial" panose="020B0604020202020204" pitchFamily="34" charset="0"/>
              <a:buChar char="•"/>
            </a:pPr>
            <a:r>
              <a:rPr lang="en-US" sz="1200">
                <a:solidFill>
                  <a:schemeClr val="accent1"/>
                </a:solidFill>
              </a:rPr>
              <a:t>Paper, pens, binders, ink and toner and more</a:t>
            </a:r>
            <a:endParaRPr lang="en-US"/>
          </a:p>
          <a:p>
            <a:endParaRPr lang="en-US"/>
          </a:p>
        </p:txBody>
      </p:sp>
      <p:sp>
        <p:nvSpPr>
          <p:cNvPr id="4" name="Slide Number Placeholder 3"/>
          <p:cNvSpPr>
            <a:spLocks noGrp="1"/>
          </p:cNvSpPr>
          <p:nvPr>
            <p:ph type="sldNum" sz="quarter" idx="5"/>
          </p:nvPr>
        </p:nvSpPr>
        <p:spPr/>
        <p:txBody>
          <a:bodyPr/>
          <a:lstStyle/>
          <a:p>
            <a:fld id="{1BA507E2-913B-954E-84AC-02C5300DF5C5}" type="slidenum">
              <a:rPr lang="en-US" smtClean="0"/>
              <a:t>13</a:t>
            </a:fld>
            <a:endParaRPr lang="en-US"/>
          </a:p>
        </p:txBody>
      </p:sp>
    </p:spTree>
    <p:extLst>
      <p:ext uri="{BB962C8B-B14F-4D97-AF65-F5344CB8AC3E}">
        <p14:creationId xmlns:p14="http://schemas.microsoft.com/office/powerpoint/2010/main" val="234719109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11.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13.jpeg"/><Relationship Id="rId2" Type="http://schemas.openxmlformats.org/officeDocument/2006/relationships/image" Target="../media/image12.png"/><Relationship Id="rId1" Type="http://schemas.openxmlformats.org/officeDocument/2006/relationships/slideMaster" Target="../slideMasters/slideMaster2.xml"/><Relationship Id="rId5" Type="http://schemas.openxmlformats.org/officeDocument/2006/relationships/image" Target="../media/image15.png"/><Relationship Id="rId4" Type="http://schemas.openxmlformats.org/officeDocument/2006/relationships/image" Target="../media/image14.jpeg"/></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2" Type="http://schemas.openxmlformats.org/officeDocument/2006/relationships/image" Target="../media/image16.jpeg"/><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Master" Target="../slideMasters/slideMaster3.xml"/></Relationships>
</file>

<file path=ppt/slideLayouts/_rels/slideLayout69.xml.rels><?xml version="1.0" encoding="UTF-8" standalone="yes"?>
<Relationships xmlns="http://schemas.openxmlformats.org/package/2006/relationships"><Relationship Id="rId2" Type="http://schemas.openxmlformats.org/officeDocument/2006/relationships/image" Target="../media/image19.jpeg"/><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3.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5.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Master" Target="../slideMasters/slideMaster3.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Master" Target="../slideMasters/slideMaster3.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Master" Target="../slideMasters/slideMaster3.xml"/></Relationships>
</file>

<file path=ppt/slideLayouts/_rels/slideLayout78.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3.png"/><Relationship Id="rId1" Type="http://schemas.openxmlformats.org/officeDocument/2006/relationships/slideMaster" Target="../slideMasters/slideMaster3.xml"/><Relationship Id="rId4" Type="http://schemas.openxmlformats.org/officeDocument/2006/relationships/image" Target="../media/image25.jpeg"/></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26.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3.png"/><Relationship Id="rId1" Type="http://schemas.openxmlformats.org/officeDocument/2006/relationships/slideMaster" Target="../slideMasters/slideMaster3.xml"/><Relationship Id="rId4" Type="http://schemas.openxmlformats.org/officeDocument/2006/relationships/image" Target="../media/image27.jpeg"/></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28.jpeg"/><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Master" Target="../slideMasters/slideMaster3.xml"/><Relationship Id="rId4" Type="http://schemas.openxmlformats.org/officeDocument/2006/relationships/image" Target="../media/image20.png"/></Relationships>
</file>

<file path=ppt/slideLayouts/_rels/slideLayout83.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3.png"/><Relationship Id="rId1" Type="http://schemas.openxmlformats.org/officeDocument/2006/relationships/slideMaster" Target="../slideMasters/slideMaster3.xml"/><Relationship Id="rId4" Type="http://schemas.openxmlformats.org/officeDocument/2006/relationships/image" Target="../media/image31.jpeg"/></Relationships>
</file>

<file path=ppt/slideLayouts/_rels/slideLayout84.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C2D3F23B-1687-A14D-AB18-BDCED0DB03EF}"/>
              </a:ext>
            </a:extLst>
          </p:cNvPr>
          <p:cNvPicPr>
            <a:picLocks noChangeAspect="1"/>
          </p:cNvPicPr>
          <p:nvPr userDrawn="1"/>
        </p:nvPicPr>
        <p:blipFill>
          <a:blip r:embed="rId2" cstate="screen">
            <a:extLst>
              <a:ext uri="{28A0092B-C50C-407E-A947-70E740481C1C}">
                <a14:useLocalDpi xmlns:a14="http://schemas.microsoft.com/office/drawing/2010/main" val="0"/>
              </a:ext>
            </a:extLst>
          </a:blip>
          <a:srcRect/>
          <a:stretch/>
        </p:blipFill>
        <p:spPr>
          <a:xfrm>
            <a:off x="0" y="1"/>
            <a:ext cx="12224254" cy="6858000"/>
          </a:xfrm>
          <a:prstGeom prst="rect">
            <a:avLst/>
          </a:prstGeom>
        </p:spPr>
      </p:pic>
      <p:sp>
        <p:nvSpPr>
          <p:cNvPr id="2" name="Title 1">
            <a:extLst>
              <a:ext uri="{FF2B5EF4-FFF2-40B4-BE49-F238E27FC236}">
                <a16:creationId xmlns:a16="http://schemas.microsoft.com/office/drawing/2014/main" id="{0D2E1644-5C2B-1C45-8946-0F9F67AD96D3}"/>
              </a:ext>
            </a:extLst>
          </p:cNvPr>
          <p:cNvSpPr>
            <a:spLocks noGrp="1"/>
          </p:cNvSpPr>
          <p:nvPr>
            <p:ph type="ctrTitle"/>
          </p:nvPr>
        </p:nvSpPr>
        <p:spPr>
          <a:xfrm>
            <a:off x="477519" y="1949218"/>
            <a:ext cx="4832418" cy="2507528"/>
          </a:xfrm>
        </p:spPr>
        <p:txBody>
          <a:bodyPr anchor="b"/>
          <a:lstStyle>
            <a:lvl1pPr algn="l">
              <a:defRPr sz="6000">
                <a:solidFill>
                  <a:schemeClr val="bg1"/>
                </a:solidFill>
              </a:defRPr>
            </a:lvl1pPr>
          </a:lstStyle>
          <a:p>
            <a:r>
              <a:rPr lang="en-US"/>
              <a:t>Click to edit Master title style</a:t>
            </a:r>
          </a:p>
        </p:txBody>
      </p:sp>
      <p:sp>
        <p:nvSpPr>
          <p:cNvPr id="3" name="Subtitle 2">
            <a:extLst>
              <a:ext uri="{FF2B5EF4-FFF2-40B4-BE49-F238E27FC236}">
                <a16:creationId xmlns:a16="http://schemas.microsoft.com/office/drawing/2014/main" id="{AFC6C600-D097-9C47-94F7-786DC323AA15}"/>
              </a:ext>
            </a:extLst>
          </p:cNvPr>
          <p:cNvSpPr>
            <a:spLocks noGrp="1"/>
          </p:cNvSpPr>
          <p:nvPr>
            <p:ph type="subTitle" idx="1"/>
          </p:nvPr>
        </p:nvSpPr>
        <p:spPr>
          <a:xfrm>
            <a:off x="477519" y="4428893"/>
            <a:ext cx="4832418" cy="1349277"/>
          </a:xfrm>
          <a:prstGeom prst="rect">
            <a:avLst/>
          </a:prstGeom>
        </p:spPr>
        <p:txBody>
          <a:bodyPr/>
          <a:lstStyle>
            <a:lvl1pPr marL="0" indent="0" algn="l">
              <a:buNone/>
              <a:defRPr sz="24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pic>
        <p:nvPicPr>
          <p:cNvPr id="6" name="Picture 5">
            <a:extLst>
              <a:ext uri="{FF2B5EF4-FFF2-40B4-BE49-F238E27FC236}">
                <a16:creationId xmlns:a16="http://schemas.microsoft.com/office/drawing/2014/main" id="{2C8FA0CA-379A-4E47-B606-B9585FB587A2}"/>
              </a:ext>
            </a:extLst>
          </p:cNvPr>
          <p:cNvPicPr>
            <a:picLocks noChangeAspect="1"/>
          </p:cNvPicPr>
          <p:nvPr userDrawn="1"/>
        </p:nvPicPr>
        <p:blipFill>
          <a:blip r:embed="rId3" cstate="screen">
            <a:extLst>
              <a:ext uri="{28A0092B-C50C-407E-A947-70E740481C1C}">
                <a14:useLocalDpi xmlns:a14="http://schemas.microsoft.com/office/drawing/2010/main" val="0"/>
              </a:ext>
            </a:extLst>
          </a:blip>
          <a:srcRect/>
          <a:stretch/>
        </p:blipFill>
        <p:spPr>
          <a:xfrm>
            <a:off x="9618328" y="2951748"/>
            <a:ext cx="2031985" cy="721562"/>
          </a:xfrm>
          <a:prstGeom prst="rect">
            <a:avLst/>
          </a:prstGeom>
        </p:spPr>
      </p:pic>
    </p:spTree>
    <p:extLst>
      <p:ext uri="{BB962C8B-B14F-4D97-AF65-F5344CB8AC3E}">
        <p14:creationId xmlns:p14="http://schemas.microsoft.com/office/powerpoint/2010/main" val="158120122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_Section Header - Dark Imag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0F3B0D75-2F46-2045-A83E-6A4E14A39F1C}"/>
              </a:ext>
            </a:extLst>
          </p:cNvPr>
          <p:cNvSpPr>
            <a:spLocks noGrp="1"/>
          </p:cNvSpPr>
          <p:nvPr>
            <p:ph type="pic" sz="quarter" idx="13"/>
          </p:nvPr>
        </p:nvSpPr>
        <p:spPr>
          <a:xfrm>
            <a:off x="0" y="0"/>
            <a:ext cx="12192000" cy="6858000"/>
          </a:xfrm>
          <a:prstGeom prst="rect">
            <a:avLst/>
          </a:prstGeom>
          <a:solidFill>
            <a:schemeClr val="bg1">
              <a:lumMod val="95000"/>
            </a:schemeClr>
          </a:solidFill>
        </p:spPr>
        <p:txBody>
          <a:bodyPr/>
          <a:lstStyle>
            <a:lvl1pPr marL="0" indent="0">
              <a:buFontTx/>
              <a:buNone/>
              <a:defRPr/>
            </a:lvl1pPr>
          </a:lstStyle>
          <a:p>
            <a:endParaRPr lang="en-US"/>
          </a:p>
        </p:txBody>
      </p:sp>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390055" y="1428504"/>
            <a:ext cx="3262273" cy="1141000"/>
          </a:xfrm>
        </p:spPr>
        <p:txBody>
          <a:bodyPr anchor="b">
            <a:normAutofit/>
          </a:bodyPr>
          <a:lstStyle>
            <a:lvl1pPr>
              <a:defRPr sz="3200">
                <a:solidFill>
                  <a:schemeClr val="bg1"/>
                </a:solidFill>
              </a:defRPr>
            </a:lvl1pPr>
          </a:lstStyle>
          <a:p>
            <a:endParaRPr lang="en-US"/>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390055" y="2596492"/>
            <a:ext cx="3262273" cy="1500187"/>
          </a:xfrm>
          <a:prstGeom prst="rect">
            <a:avLst/>
          </a:prstGeom>
        </p:spPr>
        <p:txBody>
          <a:bodyPr/>
          <a:lstStyle>
            <a:lvl1pPr marL="0" indent="0">
              <a:buNone/>
              <a:defRPr sz="240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8" name="Footer Placeholder 3">
            <a:extLst>
              <a:ext uri="{FF2B5EF4-FFF2-40B4-BE49-F238E27FC236}">
                <a16:creationId xmlns:a16="http://schemas.microsoft.com/office/drawing/2014/main" id="{B5241581-DE0F-6746-91FF-359C5F562A32}"/>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9" name="Slide Number Placeholder 4">
            <a:extLst>
              <a:ext uri="{FF2B5EF4-FFF2-40B4-BE49-F238E27FC236}">
                <a16:creationId xmlns:a16="http://schemas.microsoft.com/office/drawing/2014/main" id="{C533407A-FDD9-FB4A-B601-7553C099DB38}"/>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0" name="Picture 9">
            <a:extLst>
              <a:ext uri="{FF2B5EF4-FFF2-40B4-BE49-F238E27FC236}">
                <a16:creationId xmlns:a16="http://schemas.microsoft.com/office/drawing/2014/main" id="{59B37109-ACE9-6C49-9051-A32C854DC956}"/>
              </a:ext>
            </a:extLst>
          </p:cNvPr>
          <p:cNvPicPr>
            <a:picLocks noChangeAspect="1"/>
          </p:cNvPicPr>
          <p:nvPr userDrawn="1"/>
        </p:nvPicPr>
        <p:blipFill>
          <a:blip r:embed="rId2"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Tree>
    <p:extLst>
      <p:ext uri="{BB962C8B-B14F-4D97-AF65-F5344CB8AC3E}">
        <p14:creationId xmlns:p14="http://schemas.microsoft.com/office/powerpoint/2010/main" val="375045308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Section Header - Light Image">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A4917A0B-1319-2D46-AE58-4AE564673836}"/>
              </a:ext>
            </a:extLst>
          </p:cNvPr>
          <p:cNvSpPr>
            <a:spLocks noGrp="1"/>
          </p:cNvSpPr>
          <p:nvPr>
            <p:ph type="pic" sz="quarter" idx="13"/>
          </p:nvPr>
        </p:nvSpPr>
        <p:spPr>
          <a:xfrm>
            <a:off x="0" y="0"/>
            <a:ext cx="12192000" cy="6858000"/>
          </a:xfrm>
          <a:prstGeom prst="rect">
            <a:avLst/>
          </a:prstGeom>
          <a:solidFill>
            <a:schemeClr val="bg1">
              <a:lumMod val="95000"/>
            </a:schemeClr>
          </a:solidFill>
        </p:spPr>
        <p:txBody>
          <a:bodyPr/>
          <a:lstStyle>
            <a:lvl1pPr marL="0" indent="0">
              <a:buFontTx/>
              <a:buNone/>
              <a:defRPr/>
            </a:lvl1pPr>
          </a:lstStyle>
          <a:p>
            <a:endParaRPr lang="en-US"/>
          </a:p>
        </p:txBody>
      </p:sp>
      <p:sp>
        <p:nvSpPr>
          <p:cNvPr id="13" name="Title 1">
            <a:extLst>
              <a:ext uri="{FF2B5EF4-FFF2-40B4-BE49-F238E27FC236}">
                <a16:creationId xmlns:a16="http://schemas.microsoft.com/office/drawing/2014/main" id="{76046B63-52E1-BA4C-B448-61D02E52A05A}"/>
              </a:ext>
            </a:extLst>
          </p:cNvPr>
          <p:cNvSpPr>
            <a:spLocks noGrp="1"/>
          </p:cNvSpPr>
          <p:nvPr>
            <p:ph type="title"/>
          </p:nvPr>
        </p:nvSpPr>
        <p:spPr>
          <a:xfrm>
            <a:off x="390055" y="1425042"/>
            <a:ext cx="3262273" cy="1141000"/>
          </a:xfrm>
        </p:spPr>
        <p:txBody>
          <a:bodyPr anchor="b">
            <a:normAutofit/>
          </a:bodyPr>
          <a:lstStyle>
            <a:lvl1pPr>
              <a:defRPr sz="3200">
                <a:solidFill>
                  <a:schemeClr val="tx1"/>
                </a:solidFill>
              </a:defRPr>
            </a:lvl1pPr>
          </a:lstStyle>
          <a:p>
            <a:endParaRPr lang="en-US"/>
          </a:p>
        </p:txBody>
      </p:sp>
      <p:sp>
        <p:nvSpPr>
          <p:cNvPr id="14" name="Text Placeholder 2">
            <a:extLst>
              <a:ext uri="{FF2B5EF4-FFF2-40B4-BE49-F238E27FC236}">
                <a16:creationId xmlns:a16="http://schemas.microsoft.com/office/drawing/2014/main" id="{25027F4C-B7A3-FE45-8BDE-14A37927B210}"/>
              </a:ext>
            </a:extLst>
          </p:cNvPr>
          <p:cNvSpPr>
            <a:spLocks noGrp="1"/>
          </p:cNvSpPr>
          <p:nvPr>
            <p:ph type="body" idx="1"/>
          </p:nvPr>
        </p:nvSpPr>
        <p:spPr>
          <a:xfrm>
            <a:off x="390055" y="2593030"/>
            <a:ext cx="3262273" cy="1500187"/>
          </a:xfrm>
          <a:prstGeom prst="rect">
            <a:avLst/>
          </a:prstGeom>
        </p:spPr>
        <p:txBody>
          <a:bodyPr/>
          <a:lstStyle>
            <a:lvl1pPr marL="0" indent="0">
              <a:buNone/>
              <a:defRPr sz="240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7" name="Footer Placeholder 3">
            <a:extLst>
              <a:ext uri="{FF2B5EF4-FFF2-40B4-BE49-F238E27FC236}">
                <a16:creationId xmlns:a16="http://schemas.microsoft.com/office/drawing/2014/main" id="{FB5F5CD0-AF44-9F4C-9427-7010F8238060}"/>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8" name="Slide Number Placeholder 4">
            <a:extLst>
              <a:ext uri="{FF2B5EF4-FFF2-40B4-BE49-F238E27FC236}">
                <a16:creationId xmlns:a16="http://schemas.microsoft.com/office/drawing/2014/main" id="{06CB66D3-C1E1-C446-B6D9-511499E46350}"/>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9" name="Picture 8">
            <a:extLst>
              <a:ext uri="{FF2B5EF4-FFF2-40B4-BE49-F238E27FC236}">
                <a16:creationId xmlns:a16="http://schemas.microsoft.com/office/drawing/2014/main" id="{80C92DAD-392C-AE42-9137-5288C5D6A27E}"/>
              </a:ext>
            </a:extLst>
          </p:cNvPr>
          <p:cNvPicPr>
            <a:picLocks noChangeAspect="1"/>
          </p:cNvPicPr>
          <p:nvPr userDrawn="1"/>
        </p:nvPicPr>
        <p:blipFill>
          <a:blip r:embed="rId2"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Tree>
    <p:extLst>
      <p:ext uri="{BB962C8B-B14F-4D97-AF65-F5344CB8AC3E}">
        <p14:creationId xmlns:p14="http://schemas.microsoft.com/office/powerpoint/2010/main" val="366187161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15_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B47269D-5B34-3948-B737-CB05A65C40D9}"/>
              </a:ext>
            </a:extLst>
          </p:cNvPr>
          <p:cNvSpPr>
            <a:spLocks noGrp="1"/>
          </p:cNvSpPr>
          <p:nvPr>
            <p:ph type="title"/>
          </p:nvPr>
        </p:nvSpPr>
        <p:spPr>
          <a:xfrm>
            <a:off x="467359" y="279079"/>
            <a:ext cx="10130203" cy="1325563"/>
          </a:xfrm>
        </p:spPr>
        <p:txBody>
          <a:bodyPr/>
          <a:lstStyle/>
          <a:p>
            <a:r>
              <a:rPr lang="en-US"/>
              <a:t>Click to edit Master title style</a:t>
            </a:r>
          </a:p>
        </p:txBody>
      </p:sp>
      <p:pic>
        <p:nvPicPr>
          <p:cNvPr id="11" name="Picture 10">
            <a:extLst>
              <a:ext uri="{FF2B5EF4-FFF2-40B4-BE49-F238E27FC236}">
                <a16:creationId xmlns:a16="http://schemas.microsoft.com/office/drawing/2014/main" id="{FDDC8655-8946-1A48-B1B4-89F181D4B421}"/>
              </a:ext>
            </a:extLst>
          </p:cNvPr>
          <p:cNvPicPr>
            <a:picLocks noChangeAspect="1"/>
          </p:cNvPicPr>
          <p:nvPr userDrawn="1"/>
        </p:nvPicPr>
        <p:blipFill rotWithShape="1">
          <a:blip r:embed="rId2" cstate="screen">
            <a:extLst>
              <a:ext uri="{28A0092B-C50C-407E-A947-70E740481C1C}">
                <a14:useLocalDpi xmlns:a14="http://schemas.microsoft.com/office/drawing/2010/main" val="0"/>
              </a:ext>
            </a:extLst>
          </a:blip>
          <a:srcRect/>
          <a:stretch/>
        </p:blipFill>
        <p:spPr>
          <a:xfrm>
            <a:off x="10815865" y="0"/>
            <a:ext cx="1376135" cy="6858000"/>
          </a:xfrm>
          <a:prstGeom prst="rect">
            <a:avLst/>
          </a:prstGeom>
        </p:spPr>
      </p:pic>
      <p:sp>
        <p:nvSpPr>
          <p:cNvPr id="9" name="Content Placeholder 2">
            <a:extLst>
              <a:ext uri="{FF2B5EF4-FFF2-40B4-BE49-F238E27FC236}">
                <a16:creationId xmlns:a16="http://schemas.microsoft.com/office/drawing/2014/main" id="{16C57BDC-B820-2841-89B2-DCB2B0C12B26}"/>
              </a:ext>
            </a:extLst>
          </p:cNvPr>
          <p:cNvSpPr>
            <a:spLocks noGrp="1"/>
          </p:cNvSpPr>
          <p:nvPr>
            <p:ph sz="half" idx="1"/>
          </p:nvPr>
        </p:nvSpPr>
        <p:spPr>
          <a:xfrm>
            <a:off x="467360" y="1736890"/>
            <a:ext cx="10130202" cy="4004967"/>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Footer Placeholder 3">
            <a:extLst>
              <a:ext uri="{FF2B5EF4-FFF2-40B4-BE49-F238E27FC236}">
                <a16:creationId xmlns:a16="http://schemas.microsoft.com/office/drawing/2014/main" id="{B1D39D88-FC19-B84C-9857-CB9114224042}"/>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0" name="Slide Number Placeholder 4">
            <a:extLst>
              <a:ext uri="{FF2B5EF4-FFF2-40B4-BE49-F238E27FC236}">
                <a16:creationId xmlns:a16="http://schemas.microsoft.com/office/drawing/2014/main" id="{BF61EEFD-A8A2-CD4F-AF1B-AC853D898C3D}"/>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2" name="Picture 11">
            <a:extLst>
              <a:ext uri="{FF2B5EF4-FFF2-40B4-BE49-F238E27FC236}">
                <a16:creationId xmlns:a16="http://schemas.microsoft.com/office/drawing/2014/main" id="{CD057D8C-DBE9-154C-8893-F08F7F8CFEB9}"/>
              </a:ext>
            </a:extLst>
          </p:cNvPr>
          <p:cNvPicPr>
            <a:picLocks noChangeAspect="1"/>
          </p:cNvPicPr>
          <p:nvPr userDrawn="1"/>
        </p:nvPicPr>
        <p:blipFill>
          <a:blip r:embed="rId3"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Tree>
    <p:extLst>
      <p:ext uri="{BB962C8B-B14F-4D97-AF65-F5344CB8AC3E}">
        <p14:creationId xmlns:p14="http://schemas.microsoft.com/office/powerpoint/2010/main" val="2006427444"/>
      </p:ext>
    </p:extLst>
  </p:cSld>
  <p:clrMapOvr>
    <a:masterClrMapping/>
  </p:clrMapOvr>
  <p:extLst>
    <p:ext uri="{DCECCB84-F9BA-43D5-87BE-67443E8EF086}">
      <p15:sldGuideLst xmlns:p15="http://schemas.microsoft.com/office/powerpoint/2012/main">
        <p15:guide id="1" orient="horz" pos="672">
          <p15:clr>
            <a:srgbClr val="FBAE40"/>
          </p15:clr>
        </p15:guide>
        <p15:guide id="2" pos="288">
          <p15:clr>
            <a:srgbClr val="FBAE40"/>
          </p15:clr>
        </p15:guide>
        <p15:guide id="3" orient="horz" pos="1320">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with Imag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7AF9A01-C356-A547-98E1-B474B404D786}"/>
              </a:ext>
            </a:extLst>
          </p:cNvPr>
          <p:cNvSpPr>
            <a:spLocks noGrp="1"/>
          </p:cNvSpPr>
          <p:nvPr>
            <p:ph type="pic" sz="quarter" idx="13"/>
          </p:nvPr>
        </p:nvSpPr>
        <p:spPr>
          <a:xfrm>
            <a:off x="6111240" y="0"/>
            <a:ext cx="6080760" cy="6858000"/>
          </a:xfrm>
          <a:prstGeom prst="rect">
            <a:avLst/>
          </a:prstGeom>
          <a:solidFill>
            <a:schemeClr val="bg1">
              <a:lumMod val="95000"/>
            </a:schemeClr>
          </a:solidFill>
        </p:spPr>
        <p:txBody>
          <a:bodyPr/>
          <a:lstStyle>
            <a:lvl1pPr marL="0" indent="0">
              <a:buNone/>
              <a:defRPr/>
            </a:lvl1pPr>
          </a:lstStyle>
          <a:p>
            <a:endParaRPr lang="en-US"/>
          </a:p>
        </p:txBody>
      </p:sp>
      <p:sp>
        <p:nvSpPr>
          <p:cNvPr id="8" name="Title 1">
            <a:extLst>
              <a:ext uri="{FF2B5EF4-FFF2-40B4-BE49-F238E27FC236}">
                <a16:creationId xmlns:a16="http://schemas.microsoft.com/office/drawing/2014/main" id="{41B122CE-1F7A-7148-A82F-6607B9C65CA7}"/>
              </a:ext>
            </a:extLst>
          </p:cNvPr>
          <p:cNvSpPr>
            <a:spLocks noGrp="1"/>
          </p:cNvSpPr>
          <p:nvPr>
            <p:ph type="title"/>
          </p:nvPr>
        </p:nvSpPr>
        <p:spPr>
          <a:xfrm>
            <a:off x="467360" y="279079"/>
            <a:ext cx="5201920" cy="1325563"/>
          </a:xfrm>
        </p:spPr>
        <p:txBody>
          <a:bodyPr/>
          <a:lstStyle/>
          <a:p>
            <a:r>
              <a:rPr lang="en-US"/>
              <a:t>Click to edit Master title style</a:t>
            </a:r>
          </a:p>
        </p:txBody>
      </p:sp>
      <p:sp>
        <p:nvSpPr>
          <p:cNvPr id="10" name="Footer Placeholder 3">
            <a:extLst>
              <a:ext uri="{FF2B5EF4-FFF2-40B4-BE49-F238E27FC236}">
                <a16:creationId xmlns:a16="http://schemas.microsoft.com/office/drawing/2014/main" id="{919BD236-FACB-0C4D-B594-862195857F39}"/>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2" name="Slide Number Placeholder 4">
            <a:extLst>
              <a:ext uri="{FF2B5EF4-FFF2-40B4-BE49-F238E27FC236}">
                <a16:creationId xmlns:a16="http://schemas.microsoft.com/office/drawing/2014/main" id="{A029AD11-2370-BA4C-9C99-D26E18C592A8}"/>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3" name="Picture 12">
            <a:extLst>
              <a:ext uri="{FF2B5EF4-FFF2-40B4-BE49-F238E27FC236}">
                <a16:creationId xmlns:a16="http://schemas.microsoft.com/office/drawing/2014/main" id="{0DB166A4-83D3-C642-BE99-6F340D1C1FEA}"/>
              </a:ext>
            </a:extLst>
          </p:cNvPr>
          <p:cNvPicPr>
            <a:picLocks noChangeAspect="1"/>
          </p:cNvPicPr>
          <p:nvPr userDrawn="1"/>
        </p:nvPicPr>
        <p:blipFill>
          <a:blip r:embed="rId2"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
        <p:nvSpPr>
          <p:cNvPr id="15" name="Content Placeholder 2">
            <a:extLst>
              <a:ext uri="{FF2B5EF4-FFF2-40B4-BE49-F238E27FC236}">
                <a16:creationId xmlns:a16="http://schemas.microsoft.com/office/drawing/2014/main" id="{6FCEA1DB-EE3F-4F47-B850-43784BCA4E3D}"/>
              </a:ext>
            </a:extLst>
          </p:cNvPr>
          <p:cNvSpPr>
            <a:spLocks noGrp="1"/>
          </p:cNvSpPr>
          <p:nvPr>
            <p:ph sz="half" idx="1"/>
          </p:nvPr>
        </p:nvSpPr>
        <p:spPr>
          <a:xfrm>
            <a:off x="467360" y="1736890"/>
            <a:ext cx="5201920" cy="4004967"/>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264525721"/>
      </p:ext>
    </p:extLst>
  </p:cSld>
  <p:clrMapOvr>
    <a:masterClrMapping/>
  </p:clrMapOvr>
  <p:extLst>
    <p:ext uri="{DCECCB84-F9BA-43D5-87BE-67443E8EF086}">
      <p15:sldGuideLst xmlns:p15="http://schemas.microsoft.com/office/powerpoint/2012/main">
        <p15:guide id="1" orient="horz" pos="1272">
          <p15:clr>
            <a:srgbClr val="FBAE40"/>
          </p15:clr>
        </p15:guide>
        <p15:guide id="2" pos="3840">
          <p15:clr>
            <a:srgbClr val="FBAE40"/>
          </p15:clr>
        </p15:guide>
        <p15:guide id="3" pos="288">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e Content with Stats">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03FBB5EB-31D5-B041-8091-F8F13C700A84}"/>
              </a:ext>
            </a:extLst>
          </p:cNvPr>
          <p:cNvSpPr/>
          <p:nvPr userDrawn="1"/>
        </p:nvSpPr>
        <p:spPr>
          <a:xfrm>
            <a:off x="8763000" y="0"/>
            <a:ext cx="3429000" cy="3429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9C6C61AD-5FCC-CA41-94B2-1E82326262A7}"/>
              </a:ext>
            </a:extLst>
          </p:cNvPr>
          <p:cNvSpPr/>
          <p:nvPr userDrawn="1"/>
        </p:nvSpPr>
        <p:spPr>
          <a:xfrm>
            <a:off x="5334000" y="0"/>
            <a:ext cx="3429000" cy="3429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3A942DC0-4232-9742-AD6A-6F3939EF571F}"/>
              </a:ext>
            </a:extLst>
          </p:cNvPr>
          <p:cNvSpPr/>
          <p:nvPr userDrawn="1"/>
        </p:nvSpPr>
        <p:spPr>
          <a:xfrm>
            <a:off x="8763000" y="3429000"/>
            <a:ext cx="3429000" cy="3429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Rectangle 11">
            <a:extLst>
              <a:ext uri="{FF2B5EF4-FFF2-40B4-BE49-F238E27FC236}">
                <a16:creationId xmlns:a16="http://schemas.microsoft.com/office/drawing/2014/main" id="{1F74DA56-5135-F540-BD53-CD91BB3CF570}"/>
              </a:ext>
            </a:extLst>
          </p:cNvPr>
          <p:cNvSpPr/>
          <p:nvPr userDrawn="1"/>
        </p:nvSpPr>
        <p:spPr>
          <a:xfrm>
            <a:off x="5334000" y="3429000"/>
            <a:ext cx="3429000" cy="3429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1" name="Text Placeholder 16">
            <a:extLst>
              <a:ext uri="{FF2B5EF4-FFF2-40B4-BE49-F238E27FC236}">
                <a16:creationId xmlns:a16="http://schemas.microsoft.com/office/drawing/2014/main" id="{1AB5920E-4BF7-7B4E-9045-F5412BE3B7CB}"/>
              </a:ext>
            </a:extLst>
          </p:cNvPr>
          <p:cNvSpPr>
            <a:spLocks noGrp="1"/>
          </p:cNvSpPr>
          <p:nvPr>
            <p:ph type="body" sz="quarter" idx="13"/>
          </p:nvPr>
        </p:nvSpPr>
        <p:spPr>
          <a:xfrm>
            <a:off x="6005512" y="1966697"/>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32" name="Text Placeholder 16">
            <a:extLst>
              <a:ext uri="{FF2B5EF4-FFF2-40B4-BE49-F238E27FC236}">
                <a16:creationId xmlns:a16="http://schemas.microsoft.com/office/drawing/2014/main" id="{82BBE5B8-8494-A94C-8076-35A619DADE8D}"/>
              </a:ext>
            </a:extLst>
          </p:cNvPr>
          <p:cNvSpPr>
            <a:spLocks noGrp="1"/>
          </p:cNvSpPr>
          <p:nvPr>
            <p:ph type="body" sz="quarter" idx="14" hasCustomPrompt="1"/>
          </p:nvPr>
        </p:nvSpPr>
        <p:spPr>
          <a:xfrm>
            <a:off x="5807869" y="783217"/>
            <a:ext cx="2481263" cy="990601"/>
          </a:xfrm>
          <a:prstGeom prst="rect">
            <a:avLst/>
          </a:prstGeom>
        </p:spPr>
        <p:txBody>
          <a:bodyPr>
            <a:noAutofit/>
          </a:bodyPr>
          <a:lstStyle>
            <a:lvl1pPr marL="0" indent="0" algn="ctr">
              <a:buNone/>
              <a:defRPr sz="8000" b="1">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XX</a:t>
            </a:r>
          </a:p>
        </p:txBody>
      </p:sp>
      <p:sp>
        <p:nvSpPr>
          <p:cNvPr id="33" name="Text Placeholder 16">
            <a:extLst>
              <a:ext uri="{FF2B5EF4-FFF2-40B4-BE49-F238E27FC236}">
                <a16:creationId xmlns:a16="http://schemas.microsoft.com/office/drawing/2014/main" id="{FB417051-E342-8645-A3A6-3B69E3F53F15}"/>
              </a:ext>
            </a:extLst>
          </p:cNvPr>
          <p:cNvSpPr>
            <a:spLocks noGrp="1"/>
          </p:cNvSpPr>
          <p:nvPr>
            <p:ph type="body" sz="quarter" idx="15"/>
          </p:nvPr>
        </p:nvSpPr>
        <p:spPr>
          <a:xfrm>
            <a:off x="9434512" y="1966697"/>
            <a:ext cx="2085976" cy="990601"/>
          </a:xfrm>
          <a:prstGeom prst="rect">
            <a:avLst/>
          </a:prstGeom>
        </p:spPr>
        <p:txBody>
          <a:bodyPr>
            <a:normAutofit/>
          </a:bodyPr>
          <a:lstStyle>
            <a:lvl1pPr marL="0" indent="0" algn="ctr">
              <a:buNone/>
              <a:defRPr sz="1600">
                <a:solidFill>
                  <a:schemeClr val="tx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34" name="Text Placeholder 16">
            <a:extLst>
              <a:ext uri="{FF2B5EF4-FFF2-40B4-BE49-F238E27FC236}">
                <a16:creationId xmlns:a16="http://schemas.microsoft.com/office/drawing/2014/main" id="{F34AADEF-3F31-3C41-9FE4-728DA4253D41}"/>
              </a:ext>
            </a:extLst>
          </p:cNvPr>
          <p:cNvSpPr>
            <a:spLocks noGrp="1"/>
          </p:cNvSpPr>
          <p:nvPr>
            <p:ph type="body" sz="quarter" idx="16" hasCustomPrompt="1"/>
          </p:nvPr>
        </p:nvSpPr>
        <p:spPr>
          <a:xfrm>
            <a:off x="9236869" y="783217"/>
            <a:ext cx="2481263" cy="990601"/>
          </a:xfrm>
          <a:prstGeom prst="rect">
            <a:avLst/>
          </a:prstGeom>
        </p:spPr>
        <p:txBody>
          <a:bodyPr>
            <a:noAutofit/>
          </a:bodyPr>
          <a:lstStyle>
            <a:lvl1pPr marL="0" indent="0" algn="ctr">
              <a:buNone/>
              <a:defRPr sz="8000" b="1">
                <a:solidFill>
                  <a:schemeClr val="tx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XX</a:t>
            </a:r>
          </a:p>
        </p:txBody>
      </p:sp>
      <p:sp>
        <p:nvSpPr>
          <p:cNvPr id="35" name="Text Placeholder 16">
            <a:extLst>
              <a:ext uri="{FF2B5EF4-FFF2-40B4-BE49-F238E27FC236}">
                <a16:creationId xmlns:a16="http://schemas.microsoft.com/office/drawing/2014/main" id="{857D2752-B7F5-0D42-8A4E-779CA30A57A0}"/>
              </a:ext>
            </a:extLst>
          </p:cNvPr>
          <p:cNvSpPr>
            <a:spLocks noGrp="1"/>
          </p:cNvSpPr>
          <p:nvPr>
            <p:ph type="body" sz="quarter" idx="17"/>
          </p:nvPr>
        </p:nvSpPr>
        <p:spPr>
          <a:xfrm>
            <a:off x="6005512" y="5395697"/>
            <a:ext cx="2085976" cy="990601"/>
          </a:xfrm>
          <a:prstGeom prst="rect">
            <a:avLst/>
          </a:prstGeom>
        </p:spPr>
        <p:txBody>
          <a:bodyPr>
            <a:normAutofit/>
          </a:bodyPr>
          <a:lstStyle>
            <a:lvl1pPr marL="0" indent="0" algn="ctr">
              <a:buNone/>
              <a:defRPr sz="1600">
                <a:solidFill>
                  <a:schemeClr val="tx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36" name="Text Placeholder 16">
            <a:extLst>
              <a:ext uri="{FF2B5EF4-FFF2-40B4-BE49-F238E27FC236}">
                <a16:creationId xmlns:a16="http://schemas.microsoft.com/office/drawing/2014/main" id="{FE8056B3-724E-7D41-BED2-7A6052B5B069}"/>
              </a:ext>
            </a:extLst>
          </p:cNvPr>
          <p:cNvSpPr>
            <a:spLocks noGrp="1"/>
          </p:cNvSpPr>
          <p:nvPr>
            <p:ph type="body" sz="quarter" idx="18" hasCustomPrompt="1"/>
          </p:nvPr>
        </p:nvSpPr>
        <p:spPr>
          <a:xfrm>
            <a:off x="5807869" y="4212217"/>
            <a:ext cx="2481263" cy="990601"/>
          </a:xfrm>
          <a:prstGeom prst="rect">
            <a:avLst/>
          </a:prstGeom>
        </p:spPr>
        <p:txBody>
          <a:bodyPr>
            <a:noAutofit/>
          </a:bodyPr>
          <a:lstStyle>
            <a:lvl1pPr marL="0" indent="0" algn="ctr">
              <a:buNone/>
              <a:defRPr sz="8000" b="1">
                <a:solidFill>
                  <a:schemeClr val="tx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XX</a:t>
            </a:r>
          </a:p>
        </p:txBody>
      </p:sp>
      <p:sp>
        <p:nvSpPr>
          <p:cNvPr id="37" name="Text Placeholder 16">
            <a:extLst>
              <a:ext uri="{FF2B5EF4-FFF2-40B4-BE49-F238E27FC236}">
                <a16:creationId xmlns:a16="http://schemas.microsoft.com/office/drawing/2014/main" id="{21E8E488-DF89-8240-ABBD-81633190A18B}"/>
              </a:ext>
            </a:extLst>
          </p:cNvPr>
          <p:cNvSpPr>
            <a:spLocks noGrp="1"/>
          </p:cNvSpPr>
          <p:nvPr>
            <p:ph type="body" sz="quarter" idx="19"/>
          </p:nvPr>
        </p:nvSpPr>
        <p:spPr>
          <a:xfrm>
            <a:off x="9434512" y="5395697"/>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38" name="Text Placeholder 16">
            <a:extLst>
              <a:ext uri="{FF2B5EF4-FFF2-40B4-BE49-F238E27FC236}">
                <a16:creationId xmlns:a16="http://schemas.microsoft.com/office/drawing/2014/main" id="{4C371EE7-422A-0243-9DBE-492972385548}"/>
              </a:ext>
            </a:extLst>
          </p:cNvPr>
          <p:cNvSpPr>
            <a:spLocks noGrp="1"/>
          </p:cNvSpPr>
          <p:nvPr>
            <p:ph type="body" sz="quarter" idx="20" hasCustomPrompt="1"/>
          </p:nvPr>
        </p:nvSpPr>
        <p:spPr>
          <a:xfrm>
            <a:off x="9236869" y="4212217"/>
            <a:ext cx="2481263" cy="990601"/>
          </a:xfrm>
          <a:prstGeom prst="rect">
            <a:avLst/>
          </a:prstGeom>
        </p:spPr>
        <p:txBody>
          <a:bodyPr>
            <a:noAutofit/>
          </a:bodyPr>
          <a:lstStyle>
            <a:lvl1pPr marL="0" indent="0" algn="ctr">
              <a:buNone/>
              <a:defRPr sz="8000" b="1">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XX</a:t>
            </a:r>
          </a:p>
        </p:txBody>
      </p:sp>
      <p:sp>
        <p:nvSpPr>
          <p:cNvPr id="18" name="Title 1">
            <a:extLst>
              <a:ext uri="{FF2B5EF4-FFF2-40B4-BE49-F238E27FC236}">
                <a16:creationId xmlns:a16="http://schemas.microsoft.com/office/drawing/2014/main" id="{E5854C1A-C149-A149-8F5A-0ECDD6FFF259}"/>
              </a:ext>
            </a:extLst>
          </p:cNvPr>
          <p:cNvSpPr>
            <a:spLocks noGrp="1"/>
          </p:cNvSpPr>
          <p:nvPr>
            <p:ph type="title"/>
          </p:nvPr>
        </p:nvSpPr>
        <p:spPr>
          <a:xfrm>
            <a:off x="467360" y="279079"/>
            <a:ext cx="4392772" cy="1325563"/>
          </a:xfrm>
        </p:spPr>
        <p:txBody>
          <a:bodyPr/>
          <a:lstStyle/>
          <a:p>
            <a:r>
              <a:rPr lang="en-US"/>
              <a:t>Click to edit Master title style</a:t>
            </a:r>
          </a:p>
        </p:txBody>
      </p:sp>
      <p:sp>
        <p:nvSpPr>
          <p:cNvPr id="19" name="Footer Placeholder 3">
            <a:extLst>
              <a:ext uri="{FF2B5EF4-FFF2-40B4-BE49-F238E27FC236}">
                <a16:creationId xmlns:a16="http://schemas.microsoft.com/office/drawing/2014/main" id="{A77A1176-20E4-BE4F-B9F5-E66BB1FCDA8E}"/>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21" name="Slide Number Placeholder 4">
            <a:extLst>
              <a:ext uri="{FF2B5EF4-FFF2-40B4-BE49-F238E27FC236}">
                <a16:creationId xmlns:a16="http://schemas.microsoft.com/office/drawing/2014/main" id="{3C1C5FC4-B052-B345-B106-686744B43BFD}"/>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22" name="Picture 21">
            <a:extLst>
              <a:ext uri="{FF2B5EF4-FFF2-40B4-BE49-F238E27FC236}">
                <a16:creationId xmlns:a16="http://schemas.microsoft.com/office/drawing/2014/main" id="{20A6977E-A5BA-CF4C-96C8-996D844309EF}"/>
              </a:ext>
            </a:extLst>
          </p:cNvPr>
          <p:cNvPicPr>
            <a:picLocks noChangeAspect="1"/>
          </p:cNvPicPr>
          <p:nvPr userDrawn="1"/>
        </p:nvPicPr>
        <p:blipFill>
          <a:blip r:embed="rId2"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
        <p:nvSpPr>
          <p:cNvPr id="23" name="Content Placeholder 2">
            <a:extLst>
              <a:ext uri="{FF2B5EF4-FFF2-40B4-BE49-F238E27FC236}">
                <a16:creationId xmlns:a16="http://schemas.microsoft.com/office/drawing/2014/main" id="{66F8D727-FDBD-4142-95E1-1DF9B912C67B}"/>
              </a:ext>
            </a:extLst>
          </p:cNvPr>
          <p:cNvSpPr>
            <a:spLocks noGrp="1"/>
          </p:cNvSpPr>
          <p:nvPr>
            <p:ph sz="half" idx="1"/>
          </p:nvPr>
        </p:nvSpPr>
        <p:spPr>
          <a:xfrm>
            <a:off x="467360" y="1736890"/>
            <a:ext cx="4392771" cy="4004967"/>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0374155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One Content with Icons">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03FBB5EB-31D5-B041-8091-F8F13C700A84}"/>
              </a:ext>
            </a:extLst>
          </p:cNvPr>
          <p:cNvSpPr/>
          <p:nvPr userDrawn="1"/>
        </p:nvSpPr>
        <p:spPr>
          <a:xfrm>
            <a:off x="8763000" y="0"/>
            <a:ext cx="3429000" cy="3429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9C6C61AD-5FCC-CA41-94B2-1E82326262A7}"/>
              </a:ext>
            </a:extLst>
          </p:cNvPr>
          <p:cNvSpPr/>
          <p:nvPr userDrawn="1"/>
        </p:nvSpPr>
        <p:spPr>
          <a:xfrm>
            <a:off x="5334000" y="0"/>
            <a:ext cx="3429000" cy="3429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3A942DC0-4232-9742-AD6A-6F3939EF571F}"/>
              </a:ext>
            </a:extLst>
          </p:cNvPr>
          <p:cNvSpPr/>
          <p:nvPr userDrawn="1"/>
        </p:nvSpPr>
        <p:spPr>
          <a:xfrm>
            <a:off x="8763000" y="3429000"/>
            <a:ext cx="3429000" cy="3429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Rectangle 11">
            <a:extLst>
              <a:ext uri="{FF2B5EF4-FFF2-40B4-BE49-F238E27FC236}">
                <a16:creationId xmlns:a16="http://schemas.microsoft.com/office/drawing/2014/main" id="{1F74DA56-5135-F540-BD53-CD91BB3CF570}"/>
              </a:ext>
            </a:extLst>
          </p:cNvPr>
          <p:cNvSpPr/>
          <p:nvPr userDrawn="1"/>
        </p:nvSpPr>
        <p:spPr>
          <a:xfrm>
            <a:off x="5334000" y="3429000"/>
            <a:ext cx="3429000" cy="3429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Text Placeholder 16">
            <a:extLst>
              <a:ext uri="{FF2B5EF4-FFF2-40B4-BE49-F238E27FC236}">
                <a16:creationId xmlns:a16="http://schemas.microsoft.com/office/drawing/2014/main" id="{ACC3EBBC-37E6-A743-9154-683B5E0A39FC}"/>
              </a:ext>
            </a:extLst>
          </p:cNvPr>
          <p:cNvSpPr>
            <a:spLocks noGrp="1"/>
          </p:cNvSpPr>
          <p:nvPr>
            <p:ph type="body" sz="quarter" idx="13"/>
          </p:nvPr>
        </p:nvSpPr>
        <p:spPr>
          <a:xfrm>
            <a:off x="6005512" y="2188205"/>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8" name="Picture Placeholder 7">
            <a:extLst>
              <a:ext uri="{FF2B5EF4-FFF2-40B4-BE49-F238E27FC236}">
                <a16:creationId xmlns:a16="http://schemas.microsoft.com/office/drawing/2014/main" id="{FAA37008-08B0-8D4B-80F3-01349BC5FAAE}"/>
              </a:ext>
            </a:extLst>
          </p:cNvPr>
          <p:cNvSpPr>
            <a:spLocks noGrp="1"/>
          </p:cNvSpPr>
          <p:nvPr>
            <p:ph type="pic" sz="quarter" idx="21"/>
          </p:nvPr>
        </p:nvSpPr>
        <p:spPr>
          <a:xfrm>
            <a:off x="6005512" y="584035"/>
            <a:ext cx="2085976" cy="1377950"/>
          </a:xfrm>
          <a:prstGeom prst="rect">
            <a:avLst/>
          </a:prstGeom>
          <a:noFill/>
          <a:ln>
            <a:noFill/>
          </a:ln>
        </p:spPr>
        <p:txBody>
          <a:bodyPr/>
          <a:lstStyle>
            <a:lvl1pPr marL="0" indent="0">
              <a:buNone/>
              <a:defRPr/>
            </a:lvl1pPr>
          </a:lstStyle>
          <a:p>
            <a:endParaRPr lang="en-US"/>
          </a:p>
        </p:txBody>
      </p:sp>
      <p:sp>
        <p:nvSpPr>
          <p:cNvPr id="25" name="Text Placeholder 16">
            <a:extLst>
              <a:ext uri="{FF2B5EF4-FFF2-40B4-BE49-F238E27FC236}">
                <a16:creationId xmlns:a16="http://schemas.microsoft.com/office/drawing/2014/main" id="{6A3396DF-BC7C-054F-BF2C-D0BA74E34C30}"/>
              </a:ext>
            </a:extLst>
          </p:cNvPr>
          <p:cNvSpPr>
            <a:spLocks noGrp="1"/>
          </p:cNvSpPr>
          <p:nvPr>
            <p:ph type="body" sz="quarter" idx="22"/>
          </p:nvPr>
        </p:nvSpPr>
        <p:spPr>
          <a:xfrm>
            <a:off x="9434512" y="2188205"/>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26" name="Picture Placeholder 7">
            <a:extLst>
              <a:ext uri="{FF2B5EF4-FFF2-40B4-BE49-F238E27FC236}">
                <a16:creationId xmlns:a16="http://schemas.microsoft.com/office/drawing/2014/main" id="{B7E2CC51-738B-B646-B62F-78A04A49D31B}"/>
              </a:ext>
            </a:extLst>
          </p:cNvPr>
          <p:cNvSpPr>
            <a:spLocks noGrp="1"/>
          </p:cNvSpPr>
          <p:nvPr>
            <p:ph type="pic" sz="quarter" idx="23"/>
          </p:nvPr>
        </p:nvSpPr>
        <p:spPr>
          <a:xfrm>
            <a:off x="9434512" y="584035"/>
            <a:ext cx="2085976" cy="1377950"/>
          </a:xfrm>
          <a:prstGeom prst="rect">
            <a:avLst/>
          </a:prstGeom>
          <a:noFill/>
          <a:ln>
            <a:noFill/>
          </a:ln>
        </p:spPr>
        <p:txBody>
          <a:bodyPr/>
          <a:lstStyle>
            <a:lvl1pPr marL="0" indent="0">
              <a:buNone/>
              <a:defRPr/>
            </a:lvl1pPr>
          </a:lstStyle>
          <a:p>
            <a:endParaRPr lang="en-US"/>
          </a:p>
        </p:txBody>
      </p:sp>
      <p:sp>
        <p:nvSpPr>
          <p:cNvPr id="27" name="Text Placeholder 16">
            <a:extLst>
              <a:ext uri="{FF2B5EF4-FFF2-40B4-BE49-F238E27FC236}">
                <a16:creationId xmlns:a16="http://schemas.microsoft.com/office/drawing/2014/main" id="{17E97769-2029-CD49-BDC6-292011F92C7F}"/>
              </a:ext>
            </a:extLst>
          </p:cNvPr>
          <p:cNvSpPr>
            <a:spLocks noGrp="1"/>
          </p:cNvSpPr>
          <p:nvPr>
            <p:ph type="body" sz="quarter" idx="24"/>
          </p:nvPr>
        </p:nvSpPr>
        <p:spPr>
          <a:xfrm>
            <a:off x="6005512" y="5551092"/>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28" name="Picture Placeholder 7">
            <a:extLst>
              <a:ext uri="{FF2B5EF4-FFF2-40B4-BE49-F238E27FC236}">
                <a16:creationId xmlns:a16="http://schemas.microsoft.com/office/drawing/2014/main" id="{C16A5F74-4863-8540-8E8E-8577A036385F}"/>
              </a:ext>
            </a:extLst>
          </p:cNvPr>
          <p:cNvSpPr>
            <a:spLocks noGrp="1"/>
          </p:cNvSpPr>
          <p:nvPr>
            <p:ph type="pic" sz="quarter" idx="25"/>
          </p:nvPr>
        </p:nvSpPr>
        <p:spPr>
          <a:xfrm>
            <a:off x="6005512" y="3946922"/>
            <a:ext cx="2085976" cy="1377950"/>
          </a:xfrm>
          <a:prstGeom prst="rect">
            <a:avLst/>
          </a:prstGeom>
          <a:noFill/>
          <a:ln>
            <a:noFill/>
          </a:ln>
        </p:spPr>
        <p:txBody>
          <a:bodyPr/>
          <a:lstStyle>
            <a:lvl1pPr marL="0" indent="0">
              <a:buNone/>
              <a:defRPr/>
            </a:lvl1pPr>
          </a:lstStyle>
          <a:p>
            <a:endParaRPr lang="en-US"/>
          </a:p>
        </p:txBody>
      </p:sp>
      <p:sp>
        <p:nvSpPr>
          <p:cNvPr id="29" name="Text Placeholder 16">
            <a:extLst>
              <a:ext uri="{FF2B5EF4-FFF2-40B4-BE49-F238E27FC236}">
                <a16:creationId xmlns:a16="http://schemas.microsoft.com/office/drawing/2014/main" id="{006B36B9-F70C-4744-B87B-F97E40B59943}"/>
              </a:ext>
            </a:extLst>
          </p:cNvPr>
          <p:cNvSpPr>
            <a:spLocks noGrp="1"/>
          </p:cNvSpPr>
          <p:nvPr>
            <p:ph type="body" sz="quarter" idx="26"/>
          </p:nvPr>
        </p:nvSpPr>
        <p:spPr>
          <a:xfrm>
            <a:off x="9434512" y="5551092"/>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30" name="Picture Placeholder 7">
            <a:extLst>
              <a:ext uri="{FF2B5EF4-FFF2-40B4-BE49-F238E27FC236}">
                <a16:creationId xmlns:a16="http://schemas.microsoft.com/office/drawing/2014/main" id="{D39D4E10-C542-E74D-B366-4B560EEB6601}"/>
              </a:ext>
            </a:extLst>
          </p:cNvPr>
          <p:cNvSpPr>
            <a:spLocks noGrp="1"/>
          </p:cNvSpPr>
          <p:nvPr>
            <p:ph type="pic" sz="quarter" idx="27"/>
          </p:nvPr>
        </p:nvSpPr>
        <p:spPr>
          <a:xfrm>
            <a:off x="9434512" y="3946922"/>
            <a:ext cx="2085976" cy="1377950"/>
          </a:xfrm>
          <a:prstGeom prst="rect">
            <a:avLst/>
          </a:prstGeom>
          <a:noFill/>
          <a:ln>
            <a:noFill/>
          </a:ln>
        </p:spPr>
        <p:txBody>
          <a:bodyPr/>
          <a:lstStyle>
            <a:lvl1pPr marL="0" indent="0">
              <a:buNone/>
              <a:defRPr/>
            </a:lvl1pPr>
          </a:lstStyle>
          <a:p>
            <a:endParaRPr lang="en-US"/>
          </a:p>
        </p:txBody>
      </p:sp>
      <p:sp>
        <p:nvSpPr>
          <p:cNvPr id="18" name="Title 1">
            <a:extLst>
              <a:ext uri="{FF2B5EF4-FFF2-40B4-BE49-F238E27FC236}">
                <a16:creationId xmlns:a16="http://schemas.microsoft.com/office/drawing/2014/main" id="{DD96A343-FA79-E84F-8942-0700CE3BD623}"/>
              </a:ext>
            </a:extLst>
          </p:cNvPr>
          <p:cNvSpPr>
            <a:spLocks noGrp="1"/>
          </p:cNvSpPr>
          <p:nvPr>
            <p:ph type="title"/>
          </p:nvPr>
        </p:nvSpPr>
        <p:spPr>
          <a:xfrm>
            <a:off x="467360" y="279079"/>
            <a:ext cx="4392772" cy="1325563"/>
          </a:xfrm>
        </p:spPr>
        <p:txBody>
          <a:bodyPr/>
          <a:lstStyle/>
          <a:p>
            <a:r>
              <a:rPr lang="en-US"/>
              <a:t>Click to edit Master title style</a:t>
            </a:r>
          </a:p>
        </p:txBody>
      </p:sp>
      <p:sp>
        <p:nvSpPr>
          <p:cNvPr id="19" name="Footer Placeholder 3">
            <a:extLst>
              <a:ext uri="{FF2B5EF4-FFF2-40B4-BE49-F238E27FC236}">
                <a16:creationId xmlns:a16="http://schemas.microsoft.com/office/drawing/2014/main" id="{EA717172-05DD-1647-819E-3E82B7260138}"/>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21" name="Slide Number Placeholder 4">
            <a:extLst>
              <a:ext uri="{FF2B5EF4-FFF2-40B4-BE49-F238E27FC236}">
                <a16:creationId xmlns:a16="http://schemas.microsoft.com/office/drawing/2014/main" id="{8D585B16-1599-D44F-A5A0-EFCE75812FCE}"/>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22" name="Picture 21">
            <a:extLst>
              <a:ext uri="{FF2B5EF4-FFF2-40B4-BE49-F238E27FC236}">
                <a16:creationId xmlns:a16="http://schemas.microsoft.com/office/drawing/2014/main" id="{4F767760-00B2-394D-BED4-6519A166F81B}"/>
              </a:ext>
            </a:extLst>
          </p:cNvPr>
          <p:cNvPicPr>
            <a:picLocks noChangeAspect="1"/>
          </p:cNvPicPr>
          <p:nvPr userDrawn="1"/>
        </p:nvPicPr>
        <p:blipFill>
          <a:blip r:embed="rId2"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
        <p:nvSpPr>
          <p:cNvPr id="23" name="Content Placeholder 2">
            <a:extLst>
              <a:ext uri="{FF2B5EF4-FFF2-40B4-BE49-F238E27FC236}">
                <a16:creationId xmlns:a16="http://schemas.microsoft.com/office/drawing/2014/main" id="{8934767E-68F0-E04B-9454-4E665F5ED5E8}"/>
              </a:ext>
            </a:extLst>
          </p:cNvPr>
          <p:cNvSpPr>
            <a:spLocks noGrp="1"/>
          </p:cNvSpPr>
          <p:nvPr>
            <p:ph sz="half" idx="1"/>
          </p:nvPr>
        </p:nvSpPr>
        <p:spPr>
          <a:xfrm>
            <a:off x="467360" y="1736890"/>
            <a:ext cx="4392772" cy="4004967"/>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95176088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1_One Content with Semicircle/Image">
    <p:spTree>
      <p:nvGrpSpPr>
        <p:cNvPr id="1" name=""/>
        <p:cNvGrpSpPr/>
        <p:nvPr/>
      </p:nvGrpSpPr>
      <p:grpSpPr>
        <a:xfrm>
          <a:off x="0" y="0"/>
          <a:ext cx="0" cy="0"/>
          <a:chOff x="0" y="0"/>
          <a:chExt cx="0" cy="0"/>
        </a:xfrm>
      </p:grpSpPr>
      <p:sp>
        <p:nvSpPr>
          <p:cNvPr id="23" name="Graphic 21">
            <a:extLst>
              <a:ext uri="{FF2B5EF4-FFF2-40B4-BE49-F238E27FC236}">
                <a16:creationId xmlns:a16="http://schemas.microsoft.com/office/drawing/2014/main" id="{F5AF2576-27BD-A24D-B658-566EA3DDD785}"/>
              </a:ext>
            </a:extLst>
          </p:cNvPr>
          <p:cNvSpPr/>
          <p:nvPr userDrawn="1"/>
        </p:nvSpPr>
        <p:spPr>
          <a:xfrm>
            <a:off x="0" y="0"/>
            <a:ext cx="8091169" cy="6858000"/>
          </a:xfrm>
          <a:custGeom>
            <a:avLst/>
            <a:gdLst>
              <a:gd name="connsiteX0" fmla="*/ 0 w 6068377"/>
              <a:gd name="connsiteY0" fmla="*/ 5143500 h 5143500"/>
              <a:gd name="connsiteX1" fmla="*/ 4790123 w 6068377"/>
              <a:gd name="connsiteY1" fmla="*/ 5143500 h 5143500"/>
              <a:gd name="connsiteX2" fmla="*/ 6068378 w 6068377"/>
              <a:gd name="connsiteY2" fmla="*/ 2571750 h 5143500"/>
              <a:gd name="connsiteX3" fmla="*/ 4789170 w 6068377"/>
              <a:gd name="connsiteY3" fmla="*/ 0 h 5143500"/>
              <a:gd name="connsiteX4" fmla="*/ 0 w 6068377"/>
              <a:gd name="connsiteY4" fmla="*/ 0 h 5143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8377" h="5143500">
                <a:moveTo>
                  <a:pt x="0" y="5143500"/>
                </a:moveTo>
                <a:lnTo>
                  <a:pt x="4790123" y="5143500"/>
                </a:lnTo>
                <a:cubicBezTo>
                  <a:pt x="5566410" y="4553903"/>
                  <a:pt x="6068378" y="3621405"/>
                  <a:pt x="6068378" y="2571750"/>
                </a:cubicBezTo>
                <a:cubicBezTo>
                  <a:pt x="6068378" y="1522095"/>
                  <a:pt x="5565458" y="588645"/>
                  <a:pt x="4789170" y="0"/>
                </a:cubicBezTo>
                <a:lnTo>
                  <a:pt x="0" y="0"/>
                </a:lnTo>
              </a:path>
            </a:pathLst>
          </a:custGeom>
          <a:solidFill>
            <a:schemeClr val="accent2"/>
          </a:solidFill>
          <a:ln w="9525" cap="flat">
            <a:noFill/>
            <a:prstDash val="solid"/>
            <a:miter/>
          </a:ln>
        </p:spPr>
        <p:txBody>
          <a:bodyPr rtlCol="0" anchor="ctr"/>
          <a:lstStyle/>
          <a:p>
            <a:endParaRPr lang="en-US"/>
          </a:p>
        </p:txBody>
      </p:sp>
      <p:sp>
        <p:nvSpPr>
          <p:cNvPr id="29" name="Picture Placeholder 28">
            <a:extLst>
              <a:ext uri="{FF2B5EF4-FFF2-40B4-BE49-F238E27FC236}">
                <a16:creationId xmlns:a16="http://schemas.microsoft.com/office/drawing/2014/main" id="{698BB7F7-EAA2-A64B-9036-4BD7385ECCDF}"/>
              </a:ext>
            </a:extLst>
          </p:cNvPr>
          <p:cNvSpPr>
            <a:spLocks noGrp="1"/>
          </p:cNvSpPr>
          <p:nvPr>
            <p:ph type="pic" sz="quarter" idx="13"/>
          </p:nvPr>
        </p:nvSpPr>
        <p:spPr>
          <a:xfrm>
            <a:off x="6385562" y="2"/>
            <a:ext cx="5806438" cy="6857999"/>
          </a:xfrm>
          <a:custGeom>
            <a:avLst/>
            <a:gdLst>
              <a:gd name="connsiteX0" fmla="*/ 0 w 5806438"/>
              <a:gd name="connsiteY0" fmla="*/ 0 h 6857999"/>
              <a:gd name="connsiteX1" fmla="*/ 5806438 w 5806438"/>
              <a:gd name="connsiteY1" fmla="*/ 0 h 6857999"/>
              <a:gd name="connsiteX2" fmla="*/ 5806438 w 5806438"/>
              <a:gd name="connsiteY2" fmla="*/ 6857999 h 6857999"/>
              <a:gd name="connsiteX3" fmla="*/ 1269 w 5806438"/>
              <a:gd name="connsiteY3" fmla="*/ 6857999 h 6857999"/>
              <a:gd name="connsiteX4" fmla="*/ 1705609 w 5806438"/>
              <a:gd name="connsiteY4" fmla="*/ 3428999 h 6857999"/>
              <a:gd name="connsiteX5" fmla="*/ 189724 w 5806438"/>
              <a:gd name="connsiteY5" fmla="*/ 152474 h 68579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806438" h="6857999">
                <a:moveTo>
                  <a:pt x="0" y="0"/>
                </a:moveTo>
                <a:lnTo>
                  <a:pt x="5806438" y="0"/>
                </a:lnTo>
                <a:lnTo>
                  <a:pt x="5806438" y="6857999"/>
                </a:lnTo>
                <a:lnTo>
                  <a:pt x="1269" y="6857999"/>
                </a:lnTo>
                <a:cubicBezTo>
                  <a:pt x="1036318" y="6071870"/>
                  <a:pt x="1705609" y="4828539"/>
                  <a:pt x="1705609" y="3428999"/>
                </a:cubicBezTo>
                <a:cubicBezTo>
                  <a:pt x="1705609" y="2116930"/>
                  <a:pt x="1116250" y="941039"/>
                  <a:pt x="189724" y="152474"/>
                </a:cubicBezTo>
                <a:close/>
              </a:path>
            </a:pathLst>
          </a:custGeom>
          <a:solidFill>
            <a:schemeClr val="bg1">
              <a:lumMod val="95000"/>
            </a:schemeClr>
          </a:solidFill>
          <a:ln>
            <a:noFill/>
          </a:ln>
        </p:spPr>
        <p:txBody>
          <a:bodyPr wrap="square">
            <a:noAutofit/>
          </a:bodyPr>
          <a:lstStyle>
            <a:lvl1pPr marL="0" indent="0">
              <a:buFontTx/>
              <a:buNone/>
              <a:defRPr/>
            </a:lvl1pPr>
          </a:lstStyle>
          <a:p>
            <a:endParaRPr lang="en-US"/>
          </a:p>
        </p:txBody>
      </p:sp>
      <p:sp>
        <p:nvSpPr>
          <p:cNvPr id="10" name="Title 1">
            <a:extLst>
              <a:ext uri="{FF2B5EF4-FFF2-40B4-BE49-F238E27FC236}">
                <a16:creationId xmlns:a16="http://schemas.microsoft.com/office/drawing/2014/main" id="{513FF14D-93C5-9A44-9DCB-B198C5FAB9DD}"/>
              </a:ext>
            </a:extLst>
          </p:cNvPr>
          <p:cNvSpPr>
            <a:spLocks noGrp="1"/>
          </p:cNvSpPr>
          <p:nvPr>
            <p:ph type="title"/>
          </p:nvPr>
        </p:nvSpPr>
        <p:spPr>
          <a:xfrm>
            <a:off x="467360" y="279079"/>
            <a:ext cx="4392772" cy="1325563"/>
          </a:xfrm>
        </p:spPr>
        <p:txBody>
          <a:bodyPr/>
          <a:lstStyle/>
          <a:p>
            <a:r>
              <a:rPr lang="en-US"/>
              <a:t>Click to edit Master title style</a:t>
            </a:r>
          </a:p>
        </p:txBody>
      </p:sp>
      <p:sp>
        <p:nvSpPr>
          <p:cNvPr id="8" name="Footer Placeholder 3">
            <a:extLst>
              <a:ext uri="{FF2B5EF4-FFF2-40B4-BE49-F238E27FC236}">
                <a16:creationId xmlns:a16="http://schemas.microsoft.com/office/drawing/2014/main" id="{4E880E2A-0581-BE4C-AB04-1F1AE74E7095}"/>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accent1"/>
                </a:solidFill>
              </a:rPr>
              <a:t>© 2022 ODP Business Solutions, LLC. All rights reserved.            Confidential</a:t>
            </a:r>
          </a:p>
        </p:txBody>
      </p:sp>
      <p:sp>
        <p:nvSpPr>
          <p:cNvPr id="9" name="Slide Number Placeholder 4">
            <a:extLst>
              <a:ext uri="{FF2B5EF4-FFF2-40B4-BE49-F238E27FC236}">
                <a16:creationId xmlns:a16="http://schemas.microsoft.com/office/drawing/2014/main" id="{75F6070A-181B-0840-BE53-61159860A03E}"/>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accent1"/>
                </a:solidFill>
              </a:rPr>
              <a:pPr/>
              <a:t>‹#›</a:t>
            </a:fld>
            <a:endParaRPr lang="en-US" sz="700">
              <a:solidFill>
                <a:schemeClr val="accent1"/>
              </a:solidFill>
            </a:endParaRPr>
          </a:p>
        </p:txBody>
      </p:sp>
      <p:pic>
        <p:nvPicPr>
          <p:cNvPr id="12" name="Picture 11">
            <a:extLst>
              <a:ext uri="{FF2B5EF4-FFF2-40B4-BE49-F238E27FC236}">
                <a16:creationId xmlns:a16="http://schemas.microsoft.com/office/drawing/2014/main" id="{707343E7-19AD-A542-8431-260CA440CC5C}"/>
              </a:ext>
            </a:extLst>
          </p:cNvPr>
          <p:cNvPicPr>
            <a:picLocks noChangeAspect="1"/>
          </p:cNvPicPr>
          <p:nvPr userDrawn="1"/>
        </p:nvPicPr>
        <p:blipFill>
          <a:blip r:embed="rId2"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
        <p:nvSpPr>
          <p:cNvPr id="13" name="Content Placeholder 2">
            <a:extLst>
              <a:ext uri="{FF2B5EF4-FFF2-40B4-BE49-F238E27FC236}">
                <a16:creationId xmlns:a16="http://schemas.microsoft.com/office/drawing/2014/main" id="{4E6CE582-F4C8-8447-AC40-757EF437568E}"/>
              </a:ext>
            </a:extLst>
          </p:cNvPr>
          <p:cNvSpPr>
            <a:spLocks noGrp="1"/>
          </p:cNvSpPr>
          <p:nvPr>
            <p:ph sz="half" idx="1"/>
          </p:nvPr>
        </p:nvSpPr>
        <p:spPr>
          <a:xfrm>
            <a:off x="467360" y="1736890"/>
            <a:ext cx="4392772" cy="4004967"/>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0081999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titleOnly" preserve="1">
  <p:cSld name="1_Quote - Blue">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20634D9-71F1-224F-82D5-DD87412F78AA}"/>
              </a:ext>
            </a:extLst>
          </p:cNvPr>
          <p:cNvSpPr>
            <a:spLocks noGrp="1"/>
          </p:cNvSpPr>
          <p:nvPr>
            <p:ph type="title"/>
          </p:nvPr>
        </p:nvSpPr>
        <p:spPr>
          <a:xfrm>
            <a:off x="2735465" y="1630507"/>
            <a:ext cx="6721070" cy="3052330"/>
          </a:xfrm>
        </p:spPr>
        <p:txBody>
          <a:bodyPr/>
          <a:lstStyle>
            <a:lvl1pPr>
              <a:defRPr>
                <a:solidFill>
                  <a:schemeClr val="accent2"/>
                </a:solidFill>
              </a:defRPr>
            </a:lvl1pPr>
          </a:lstStyle>
          <a:p>
            <a:r>
              <a:rPr lang="en-US"/>
              <a:t>Click to edit Master title style</a:t>
            </a:r>
          </a:p>
        </p:txBody>
      </p:sp>
      <p:sp>
        <p:nvSpPr>
          <p:cNvPr id="6" name="TextBox 5">
            <a:extLst>
              <a:ext uri="{FF2B5EF4-FFF2-40B4-BE49-F238E27FC236}">
                <a16:creationId xmlns:a16="http://schemas.microsoft.com/office/drawing/2014/main" id="{8E0FEEF6-1B29-6A44-BF76-27706BC7712D}"/>
              </a:ext>
            </a:extLst>
          </p:cNvPr>
          <p:cNvSpPr txBox="1"/>
          <p:nvPr userDrawn="1"/>
        </p:nvSpPr>
        <p:spPr>
          <a:xfrm>
            <a:off x="1435972" y="1012825"/>
            <a:ext cx="2664060" cy="3170099"/>
          </a:xfrm>
          <a:prstGeom prst="rect">
            <a:avLst/>
          </a:prstGeom>
          <a:noFill/>
        </p:spPr>
        <p:txBody>
          <a:bodyPr wrap="square" rtlCol="0">
            <a:spAutoFit/>
          </a:bodyPr>
          <a:lstStyle/>
          <a:p>
            <a:r>
              <a:rPr lang="en-US" sz="20000" b="1">
                <a:solidFill>
                  <a:schemeClr val="accent2"/>
                </a:solidFill>
                <a:latin typeface="Open Sans" panose="020B0606030504020204" pitchFamily="34" charset="0"/>
                <a:ea typeface="Open Sans" panose="020B0606030504020204" pitchFamily="34" charset="0"/>
                <a:cs typeface="Open Sans" panose="020B0606030504020204" pitchFamily="34" charset="0"/>
              </a:rPr>
              <a:t>“</a:t>
            </a:r>
          </a:p>
        </p:txBody>
      </p:sp>
      <p:sp>
        <p:nvSpPr>
          <p:cNvPr id="14" name="TextBox 13">
            <a:extLst>
              <a:ext uri="{FF2B5EF4-FFF2-40B4-BE49-F238E27FC236}">
                <a16:creationId xmlns:a16="http://schemas.microsoft.com/office/drawing/2014/main" id="{080F6F06-3C99-3148-A3E3-FBE9675D996F}"/>
              </a:ext>
            </a:extLst>
          </p:cNvPr>
          <p:cNvSpPr txBox="1"/>
          <p:nvPr userDrawn="1"/>
        </p:nvSpPr>
        <p:spPr>
          <a:xfrm>
            <a:off x="9423998" y="3401424"/>
            <a:ext cx="2664060" cy="3170099"/>
          </a:xfrm>
          <a:prstGeom prst="rect">
            <a:avLst/>
          </a:prstGeom>
          <a:noFill/>
        </p:spPr>
        <p:txBody>
          <a:bodyPr wrap="square" rtlCol="0">
            <a:spAutoFit/>
          </a:bodyPr>
          <a:lstStyle/>
          <a:p>
            <a:r>
              <a:rPr lang="en-US" sz="20000" b="1">
                <a:solidFill>
                  <a:schemeClr val="accent2"/>
                </a:solidFill>
                <a:latin typeface="Open Sans" panose="020B0606030504020204" pitchFamily="34" charset="0"/>
                <a:ea typeface="Open Sans" panose="020B0606030504020204" pitchFamily="34" charset="0"/>
                <a:cs typeface="Open Sans" panose="020B0606030504020204" pitchFamily="34" charset="0"/>
              </a:rPr>
              <a:t>”</a:t>
            </a:r>
          </a:p>
        </p:txBody>
      </p:sp>
      <p:pic>
        <p:nvPicPr>
          <p:cNvPr id="8" name="Picture 7">
            <a:extLst>
              <a:ext uri="{FF2B5EF4-FFF2-40B4-BE49-F238E27FC236}">
                <a16:creationId xmlns:a16="http://schemas.microsoft.com/office/drawing/2014/main" id="{BC6096C6-E56C-A146-8007-71B2BFA6CF39}"/>
              </a:ext>
            </a:extLst>
          </p:cNvPr>
          <p:cNvPicPr>
            <a:picLocks noChangeAspect="1"/>
          </p:cNvPicPr>
          <p:nvPr userDrawn="1"/>
        </p:nvPicPr>
        <p:blipFill>
          <a:blip r:embed="rId2" cstate="screen">
            <a:extLst>
              <a:ext uri="{28A0092B-C50C-407E-A947-70E740481C1C}">
                <a14:useLocalDpi xmlns:a14="http://schemas.microsoft.com/office/drawing/2010/main" val="0"/>
              </a:ext>
            </a:extLst>
          </a:blip>
          <a:srcRect/>
          <a:stretch/>
        </p:blipFill>
        <p:spPr>
          <a:xfrm>
            <a:off x="571499" y="5866525"/>
            <a:ext cx="1375997" cy="488619"/>
          </a:xfrm>
          <a:prstGeom prst="rect">
            <a:avLst/>
          </a:prstGeom>
        </p:spPr>
      </p:pic>
      <p:sp>
        <p:nvSpPr>
          <p:cNvPr id="9" name="Footer Placeholder 3">
            <a:extLst>
              <a:ext uri="{FF2B5EF4-FFF2-40B4-BE49-F238E27FC236}">
                <a16:creationId xmlns:a16="http://schemas.microsoft.com/office/drawing/2014/main" id="{E3D21CD7-184C-244D-AC44-F6A4127C3983}"/>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0" name="Slide Number Placeholder 4">
            <a:extLst>
              <a:ext uri="{FF2B5EF4-FFF2-40B4-BE49-F238E27FC236}">
                <a16:creationId xmlns:a16="http://schemas.microsoft.com/office/drawing/2014/main" id="{A5F73029-26F3-544A-BE81-A0211B66DBD1}"/>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399898649"/>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type="titleOnly" preserve="1">
  <p:cSld name="1_Quote - Yellow">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20634D9-71F1-224F-82D5-DD87412F78AA}"/>
              </a:ext>
            </a:extLst>
          </p:cNvPr>
          <p:cNvSpPr>
            <a:spLocks noGrp="1"/>
          </p:cNvSpPr>
          <p:nvPr>
            <p:ph type="title"/>
          </p:nvPr>
        </p:nvSpPr>
        <p:spPr>
          <a:xfrm>
            <a:off x="2735465" y="1630507"/>
            <a:ext cx="6721070" cy="3052330"/>
          </a:xfrm>
        </p:spPr>
        <p:txBody>
          <a:bodyPr/>
          <a:lstStyle>
            <a:lvl1pPr>
              <a:defRPr>
                <a:solidFill>
                  <a:schemeClr val="tx1"/>
                </a:solidFill>
              </a:defRPr>
            </a:lvl1pPr>
          </a:lstStyle>
          <a:p>
            <a:r>
              <a:rPr lang="en-US"/>
              <a:t>Click to edit Master title style</a:t>
            </a:r>
          </a:p>
        </p:txBody>
      </p:sp>
      <p:sp>
        <p:nvSpPr>
          <p:cNvPr id="6" name="TextBox 5">
            <a:extLst>
              <a:ext uri="{FF2B5EF4-FFF2-40B4-BE49-F238E27FC236}">
                <a16:creationId xmlns:a16="http://schemas.microsoft.com/office/drawing/2014/main" id="{8E0FEEF6-1B29-6A44-BF76-27706BC7712D}"/>
              </a:ext>
            </a:extLst>
          </p:cNvPr>
          <p:cNvSpPr txBox="1"/>
          <p:nvPr userDrawn="1"/>
        </p:nvSpPr>
        <p:spPr>
          <a:xfrm>
            <a:off x="1435972" y="1012825"/>
            <a:ext cx="2664060" cy="3170099"/>
          </a:xfrm>
          <a:prstGeom prst="rect">
            <a:avLst/>
          </a:prstGeom>
          <a:noFill/>
        </p:spPr>
        <p:txBody>
          <a:bodyPr wrap="square" rtlCol="0">
            <a:spAutoFit/>
          </a:bodyPr>
          <a:lstStyle/>
          <a:p>
            <a:r>
              <a:rPr lang="en-US" sz="20000" b="1">
                <a:solidFill>
                  <a:schemeClr val="tx1"/>
                </a:solidFill>
                <a:latin typeface="Open Sans" panose="020B0606030504020204" pitchFamily="34" charset="0"/>
                <a:ea typeface="Open Sans" panose="020B0606030504020204" pitchFamily="34" charset="0"/>
                <a:cs typeface="Open Sans" panose="020B0606030504020204" pitchFamily="34" charset="0"/>
              </a:rPr>
              <a:t>“</a:t>
            </a:r>
          </a:p>
        </p:txBody>
      </p:sp>
      <p:sp>
        <p:nvSpPr>
          <p:cNvPr id="14" name="TextBox 13">
            <a:extLst>
              <a:ext uri="{FF2B5EF4-FFF2-40B4-BE49-F238E27FC236}">
                <a16:creationId xmlns:a16="http://schemas.microsoft.com/office/drawing/2014/main" id="{080F6F06-3C99-3148-A3E3-FBE9675D996F}"/>
              </a:ext>
            </a:extLst>
          </p:cNvPr>
          <p:cNvSpPr txBox="1"/>
          <p:nvPr userDrawn="1"/>
        </p:nvSpPr>
        <p:spPr>
          <a:xfrm>
            <a:off x="9423998" y="3401424"/>
            <a:ext cx="2664060" cy="3170099"/>
          </a:xfrm>
          <a:prstGeom prst="rect">
            <a:avLst/>
          </a:prstGeom>
          <a:noFill/>
        </p:spPr>
        <p:txBody>
          <a:bodyPr wrap="square" rtlCol="0">
            <a:spAutoFit/>
          </a:bodyPr>
          <a:lstStyle/>
          <a:p>
            <a:r>
              <a:rPr lang="en-US" sz="20000" b="1">
                <a:solidFill>
                  <a:schemeClr val="tx1"/>
                </a:solidFill>
                <a:latin typeface="Open Sans" panose="020B0606030504020204" pitchFamily="34" charset="0"/>
                <a:ea typeface="Open Sans" panose="020B0606030504020204" pitchFamily="34" charset="0"/>
                <a:cs typeface="Open Sans" panose="020B0606030504020204" pitchFamily="34" charset="0"/>
              </a:rPr>
              <a:t>”</a:t>
            </a:r>
          </a:p>
        </p:txBody>
      </p:sp>
      <p:pic>
        <p:nvPicPr>
          <p:cNvPr id="9" name="Picture 8">
            <a:extLst>
              <a:ext uri="{FF2B5EF4-FFF2-40B4-BE49-F238E27FC236}">
                <a16:creationId xmlns:a16="http://schemas.microsoft.com/office/drawing/2014/main" id="{A12892B5-39E4-6A49-B819-D1F7B7061A88}"/>
              </a:ext>
            </a:extLst>
          </p:cNvPr>
          <p:cNvPicPr>
            <a:picLocks noChangeAspect="1"/>
          </p:cNvPicPr>
          <p:nvPr userDrawn="1"/>
        </p:nvPicPr>
        <p:blipFill>
          <a:blip r:embed="rId2" cstate="screen">
            <a:extLst>
              <a:ext uri="{28A0092B-C50C-407E-A947-70E740481C1C}">
                <a14:useLocalDpi xmlns:a14="http://schemas.microsoft.com/office/drawing/2010/main" val="0"/>
              </a:ext>
            </a:extLst>
          </a:blip>
          <a:srcRect/>
          <a:stretch/>
        </p:blipFill>
        <p:spPr>
          <a:xfrm>
            <a:off x="571500" y="5867177"/>
            <a:ext cx="1375996" cy="488619"/>
          </a:xfrm>
          <a:prstGeom prst="rect">
            <a:avLst/>
          </a:prstGeom>
        </p:spPr>
      </p:pic>
      <p:sp>
        <p:nvSpPr>
          <p:cNvPr id="10" name="Footer Placeholder 3">
            <a:extLst>
              <a:ext uri="{FF2B5EF4-FFF2-40B4-BE49-F238E27FC236}">
                <a16:creationId xmlns:a16="http://schemas.microsoft.com/office/drawing/2014/main" id="{E646EC81-04DA-594B-A9EF-38448BB0D967}"/>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accent1"/>
                </a:solidFill>
              </a:rPr>
              <a:t>© 2022 ODP Business Solutions, LLC. All rights reserved.            Confidential</a:t>
            </a:r>
          </a:p>
        </p:txBody>
      </p:sp>
      <p:sp>
        <p:nvSpPr>
          <p:cNvPr id="11" name="Slide Number Placeholder 4">
            <a:extLst>
              <a:ext uri="{FF2B5EF4-FFF2-40B4-BE49-F238E27FC236}">
                <a16:creationId xmlns:a16="http://schemas.microsoft.com/office/drawing/2014/main" id="{677E0BD5-6E2D-F64D-9BBC-374C782002B4}"/>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accent1"/>
                </a:solidFill>
              </a:rPr>
              <a:pPr/>
              <a:t>‹#›</a:t>
            </a:fld>
            <a:endParaRPr lang="en-US" sz="700">
              <a:solidFill>
                <a:schemeClr val="accent1"/>
              </a:solidFill>
            </a:endParaRPr>
          </a:p>
        </p:txBody>
      </p:sp>
    </p:spTree>
    <p:extLst>
      <p:ext uri="{BB962C8B-B14F-4D97-AF65-F5344CB8AC3E}">
        <p14:creationId xmlns:p14="http://schemas.microsoft.com/office/powerpoint/2010/main" val="172099392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A6C93CB9-FC24-6F47-84D6-0F0E56535D1A}"/>
              </a:ext>
            </a:extLst>
          </p:cNvPr>
          <p:cNvPicPr>
            <a:picLocks noChangeAspect="1"/>
          </p:cNvPicPr>
          <p:nvPr userDrawn="1"/>
        </p:nvPicPr>
        <p:blipFill rotWithShape="1">
          <a:blip r:embed="rId2" cstate="screen">
            <a:extLst>
              <a:ext uri="{28A0092B-C50C-407E-A947-70E740481C1C}">
                <a14:useLocalDpi xmlns:a14="http://schemas.microsoft.com/office/drawing/2010/main" val="0"/>
              </a:ext>
            </a:extLst>
          </a:blip>
          <a:srcRect/>
          <a:stretch/>
        </p:blipFill>
        <p:spPr>
          <a:xfrm>
            <a:off x="10815865" y="0"/>
            <a:ext cx="1376135" cy="6858000"/>
          </a:xfrm>
          <a:prstGeom prst="rect">
            <a:avLst/>
          </a:prstGeom>
        </p:spPr>
      </p:pic>
      <p:sp>
        <p:nvSpPr>
          <p:cNvPr id="12" name="Content Placeholder 2">
            <a:extLst>
              <a:ext uri="{FF2B5EF4-FFF2-40B4-BE49-F238E27FC236}">
                <a16:creationId xmlns:a16="http://schemas.microsoft.com/office/drawing/2014/main" id="{19498CEA-5732-CB4C-A107-20130A0185C9}"/>
              </a:ext>
            </a:extLst>
          </p:cNvPr>
          <p:cNvSpPr>
            <a:spLocks noGrp="1"/>
          </p:cNvSpPr>
          <p:nvPr>
            <p:ph sz="half" idx="1"/>
          </p:nvPr>
        </p:nvSpPr>
        <p:spPr>
          <a:xfrm>
            <a:off x="467360" y="1736890"/>
            <a:ext cx="10163643" cy="1099684"/>
          </a:xfrm>
          <a:prstGeom prst="rect">
            <a:avLst/>
          </a:prstGeom>
        </p:spPr>
        <p:txBody>
          <a:bodyPr/>
          <a:lstStyle>
            <a:lvl1pPr marL="9525" indent="0">
              <a:lnSpc>
                <a:spcPct val="100000"/>
              </a:lnSpc>
              <a:spcBef>
                <a:spcPts val="200"/>
              </a:spcBef>
              <a:buNone/>
              <a:tabLst/>
              <a:defRPr sz="1800"/>
            </a:lvl1pPr>
            <a:lvl2pPr marL="171450" indent="-161925">
              <a:lnSpc>
                <a:spcPct val="110000"/>
              </a:lnSpc>
              <a:spcBef>
                <a:spcPts val="200"/>
              </a:spcBef>
              <a:tabLst/>
              <a:defRPr sz="1800"/>
            </a:lvl2pPr>
            <a:lvl3pPr marL="344488" indent="-173038">
              <a:lnSpc>
                <a:spcPct val="110000"/>
              </a:lnSpc>
              <a:spcBef>
                <a:spcPts val="200"/>
              </a:spcBef>
              <a:buFont typeface="System Font Regular"/>
              <a:buChar char="−"/>
              <a:tabLst/>
              <a:defRPr sz="1600"/>
            </a:lvl3pPr>
            <a:lvl4pPr marL="466725" indent="-122238">
              <a:lnSpc>
                <a:spcPct val="110000"/>
              </a:lnSpc>
              <a:spcBef>
                <a:spcPts val="200"/>
              </a:spcBef>
              <a:buFont typeface="System Font Regular"/>
              <a:buChar char="-"/>
              <a:tabLst/>
              <a:defRPr sz="1600"/>
            </a:lvl4pPr>
            <a:lvl5pPr marL="577850" indent="-111125">
              <a:lnSpc>
                <a:spcPct val="110000"/>
              </a:lnSpc>
              <a:spcBef>
                <a:spcPts val="200"/>
              </a:spcBef>
              <a:buFont typeface="System Font Regular"/>
              <a:buChar char="◦"/>
              <a:tabLst/>
              <a:defRPr sz="1600"/>
            </a:lvl5pPr>
          </a:lstStyle>
          <a:p>
            <a:pPr lvl="0"/>
            <a:r>
              <a:rPr lang="en-US"/>
              <a:t>Click to edit Master text styles</a:t>
            </a:r>
          </a:p>
        </p:txBody>
      </p:sp>
      <p:sp>
        <p:nvSpPr>
          <p:cNvPr id="11" name="Footer Placeholder 3">
            <a:extLst>
              <a:ext uri="{FF2B5EF4-FFF2-40B4-BE49-F238E27FC236}">
                <a16:creationId xmlns:a16="http://schemas.microsoft.com/office/drawing/2014/main" id="{1F86BB91-37AB-E447-BE7E-291CEEF80B1A}"/>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3" name="Slide Number Placeholder 4">
            <a:extLst>
              <a:ext uri="{FF2B5EF4-FFF2-40B4-BE49-F238E27FC236}">
                <a16:creationId xmlns:a16="http://schemas.microsoft.com/office/drawing/2014/main" id="{21DDE514-A944-D04C-88D0-CD13B910E6FD}"/>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4" name="Picture 13">
            <a:extLst>
              <a:ext uri="{FF2B5EF4-FFF2-40B4-BE49-F238E27FC236}">
                <a16:creationId xmlns:a16="http://schemas.microsoft.com/office/drawing/2014/main" id="{1EE4FC01-40C0-8D42-95FF-1C180C7823EB}"/>
              </a:ext>
            </a:extLst>
          </p:cNvPr>
          <p:cNvPicPr>
            <a:picLocks noChangeAspect="1"/>
          </p:cNvPicPr>
          <p:nvPr userDrawn="1"/>
        </p:nvPicPr>
        <p:blipFill>
          <a:blip r:embed="rId3"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
        <p:nvSpPr>
          <p:cNvPr id="16" name="Content Placeholder 2">
            <a:extLst>
              <a:ext uri="{FF2B5EF4-FFF2-40B4-BE49-F238E27FC236}">
                <a16:creationId xmlns:a16="http://schemas.microsoft.com/office/drawing/2014/main" id="{CAD0B1D7-AC0C-EA46-B796-C250902CB17F}"/>
              </a:ext>
            </a:extLst>
          </p:cNvPr>
          <p:cNvSpPr>
            <a:spLocks noGrp="1"/>
          </p:cNvSpPr>
          <p:nvPr>
            <p:ph sz="half" idx="16"/>
          </p:nvPr>
        </p:nvSpPr>
        <p:spPr>
          <a:xfrm>
            <a:off x="467361" y="2873021"/>
            <a:ext cx="4914961" cy="3182868"/>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2">
            <a:extLst>
              <a:ext uri="{FF2B5EF4-FFF2-40B4-BE49-F238E27FC236}">
                <a16:creationId xmlns:a16="http://schemas.microsoft.com/office/drawing/2014/main" id="{17561AE9-D862-F449-8095-6F2F34CD686E}"/>
              </a:ext>
            </a:extLst>
          </p:cNvPr>
          <p:cNvSpPr>
            <a:spLocks noGrp="1"/>
          </p:cNvSpPr>
          <p:nvPr>
            <p:ph sz="half" idx="17"/>
          </p:nvPr>
        </p:nvSpPr>
        <p:spPr>
          <a:xfrm>
            <a:off x="5716042" y="2873021"/>
            <a:ext cx="4914961" cy="3182868"/>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Title 1">
            <a:extLst>
              <a:ext uri="{FF2B5EF4-FFF2-40B4-BE49-F238E27FC236}">
                <a16:creationId xmlns:a16="http://schemas.microsoft.com/office/drawing/2014/main" id="{49340F63-EE49-444E-A68B-D0C5EF4E1DD7}"/>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290373330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2">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C2D3F23B-1687-A14D-AB18-BDCED0DB03EF}"/>
              </a:ext>
            </a:extLst>
          </p:cNvPr>
          <p:cNvPicPr>
            <a:picLocks noChangeAspect="1"/>
          </p:cNvPicPr>
          <p:nvPr userDrawn="1"/>
        </p:nvPicPr>
        <p:blipFill>
          <a:blip r:embed="rId2" cstate="screen">
            <a:extLst>
              <a:ext uri="{28A0092B-C50C-407E-A947-70E740481C1C}">
                <a14:useLocalDpi xmlns:a14="http://schemas.microsoft.com/office/drawing/2010/main" val="0"/>
              </a:ext>
            </a:extLst>
          </a:blip>
          <a:srcRect/>
          <a:stretch/>
        </p:blipFill>
        <p:spPr>
          <a:xfrm>
            <a:off x="0" y="1"/>
            <a:ext cx="12224254" cy="6858000"/>
          </a:xfrm>
          <a:prstGeom prst="rect">
            <a:avLst/>
          </a:prstGeom>
        </p:spPr>
      </p:pic>
      <p:sp>
        <p:nvSpPr>
          <p:cNvPr id="2" name="Title 1">
            <a:extLst>
              <a:ext uri="{FF2B5EF4-FFF2-40B4-BE49-F238E27FC236}">
                <a16:creationId xmlns:a16="http://schemas.microsoft.com/office/drawing/2014/main" id="{0D2E1644-5C2B-1C45-8946-0F9F67AD96D3}"/>
              </a:ext>
            </a:extLst>
          </p:cNvPr>
          <p:cNvSpPr>
            <a:spLocks noGrp="1"/>
          </p:cNvSpPr>
          <p:nvPr>
            <p:ph type="ctrTitle"/>
          </p:nvPr>
        </p:nvSpPr>
        <p:spPr>
          <a:xfrm>
            <a:off x="477519" y="1949218"/>
            <a:ext cx="4832418" cy="2507528"/>
          </a:xfrm>
        </p:spPr>
        <p:txBody>
          <a:bodyPr anchor="b"/>
          <a:lstStyle>
            <a:lvl1pPr algn="l">
              <a:defRPr sz="6000">
                <a:solidFill>
                  <a:schemeClr val="bg1"/>
                </a:solidFill>
              </a:defRPr>
            </a:lvl1pPr>
          </a:lstStyle>
          <a:p>
            <a:r>
              <a:rPr lang="en-US"/>
              <a:t>Click to edit Master title style</a:t>
            </a:r>
          </a:p>
        </p:txBody>
      </p:sp>
      <p:sp>
        <p:nvSpPr>
          <p:cNvPr id="3" name="Subtitle 2">
            <a:extLst>
              <a:ext uri="{FF2B5EF4-FFF2-40B4-BE49-F238E27FC236}">
                <a16:creationId xmlns:a16="http://schemas.microsoft.com/office/drawing/2014/main" id="{AFC6C600-D097-9C47-94F7-786DC323AA15}"/>
              </a:ext>
            </a:extLst>
          </p:cNvPr>
          <p:cNvSpPr>
            <a:spLocks noGrp="1"/>
          </p:cNvSpPr>
          <p:nvPr>
            <p:ph type="subTitle" idx="1"/>
          </p:nvPr>
        </p:nvSpPr>
        <p:spPr>
          <a:xfrm>
            <a:off x="477519" y="4428893"/>
            <a:ext cx="4832418" cy="1349277"/>
          </a:xfrm>
          <a:prstGeom prst="rect">
            <a:avLst/>
          </a:prstGeom>
        </p:spPr>
        <p:txBody>
          <a:bodyPr/>
          <a:lstStyle>
            <a:lvl1pPr marL="0" indent="0" algn="l">
              <a:buNone/>
              <a:defRPr sz="24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pic>
        <p:nvPicPr>
          <p:cNvPr id="9" name="Picture 8">
            <a:extLst>
              <a:ext uri="{FF2B5EF4-FFF2-40B4-BE49-F238E27FC236}">
                <a16:creationId xmlns:a16="http://schemas.microsoft.com/office/drawing/2014/main" id="{0D5FCB62-C14D-C145-8E90-CD0CB43BE974}"/>
              </a:ext>
            </a:extLst>
          </p:cNvPr>
          <p:cNvPicPr>
            <a:picLocks noChangeAspect="1"/>
          </p:cNvPicPr>
          <p:nvPr userDrawn="1"/>
        </p:nvPicPr>
        <p:blipFill>
          <a:blip r:embed="rId3" cstate="screen">
            <a:extLst>
              <a:ext uri="{28A0092B-C50C-407E-A947-70E740481C1C}">
                <a14:useLocalDpi xmlns:a14="http://schemas.microsoft.com/office/drawing/2010/main" val="0"/>
              </a:ext>
            </a:extLst>
          </a:blip>
          <a:srcRect/>
          <a:stretch/>
        </p:blipFill>
        <p:spPr>
          <a:xfrm>
            <a:off x="8197394" y="2951748"/>
            <a:ext cx="1802079" cy="639922"/>
          </a:xfrm>
          <a:prstGeom prst="rect">
            <a:avLst/>
          </a:prstGeom>
        </p:spPr>
      </p:pic>
    </p:spTree>
    <p:extLst>
      <p:ext uri="{BB962C8B-B14F-4D97-AF65-F5344CB8AC3E}">
        <p14:creationId xmlns:p14="http://schemas.microsoft.com/office/powerpoint/2010/main" val="260640502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A6C93CB9-FC24-6F47-84D6-0F0E56535D1A}"/>
              </a:ext>
            </a:extLst>
          </p:cNvPr>
          <p:cNvPicPr>
            <a:picLocks noChangeAspect="1"/>
          </p:cNvPicPr>
          <p:nvPr userDrawn="1"/>
        </p:nvPicPr>
        <p:blipFill rotWithShape="1">
          <a:blip r:embed="rId2" cstate="screen">
            <a:extLst>
              <a:ext uri="{28A0092B-C50C-407E-A947-70E740481C1C}">
                <a14:useLocalDpi xmlns:a14="http://schemas.microsoft.com/office/drawing/2010/main" val="0"/>
              </a:ext>
            </a:extLst>
          </a:blip>
          <a:srcRect/>
          <a:stretch/>
        </p:blipFill>
        <p:spPr>
          <a:xfrm>
            <a:off x="10815865" y="0"/>
            <a:ext cx="1376135" cy="6858000"/>
          </a:xfrm>
          <a:prstGeom prst="rect">
            <a:avLst/>
          </a:prstGeom>
        </p:spPr>
      </p:pic>
      <p:sp>
        <p:nvSpPr>
          <p:cNvPr id="11" name="Footer Placeholder 3">
            <a:extLst>
              <a:ext uri="{FF2B5EF4-FFF2-40B4-BE49-F238E27FC236}">
                <a16:creationId xmlns:a16="http://schemas.microsoft.com/office/drawing/2014/main" id="{43876B73-9EF1-B64D-8AB7-977987F42037}"/>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3" name="Slide Number Placeholder 4">
            <a:extLst>
              <a:ext uri="{FF2B5EF4-FFF2-40B4-BE49-F238E27FC236}">
                <a16:creationId xmlns:a16="http://schemas.microsoft.com/office/drawing/2014/main" id="{1BF25980-082A-9C4C-9EE6-F79C748CBF32}"/>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6" name="Picture 15">
            <a:extLst>
              <a:ext uri="{FF2B5EF4-FFF2-40B4-BE49-F238E27FC236}">
                <a16:creationId xmlns:a16="http://schemas.microsoft.com/office/drawing/2014/main" id="{51CCF48E-9FA8-A34E-BDB6-46744123018A}"/>
              </a:ext>
            </a:extLst>
          </p:cNvPr>
          <p:cNvPicPr>
            <a:picLocks noChangeAspect="1"/>
          </p:cNvPicPr>
          <p:nvPr userDrawn="1"/>
        </p:nvPicPr>
        <p:blipFill>
          <a:blip r:embed="rId3"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
        <p:nvSpPr>
          <p:cNvPr id="9" name="Content Placeholder 2">
            <a:extLst>
              <a:ext uri="{FF2B5EF4-FFF2-40B4-BE49-F238E27FC236}">
                <a16:creationId xmlns:a16="http://schemas.microsoft.com/office/drawing/2014/main" id="{51496F5D-2EB6-B844-BBC2-D16FDEECE946}"/>
              </a:ext>
            </a:extLst>
          </p:cNvPr>
          <p:cNvSpPr>
            <a:spLocks noGrp="1"/>
          </p:cNvSpPr>
          <p:nvPr>
            <p:ph sz="half" idx="16"/>
          </p:nvPr>
        </p:nvSpPr>
        <p:spPr>
          <a:xfrm>
            <a:off x="467361" y="1736889"/>
            <a:ext cx="4840137" cy="4129635"/>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7" name="Content Placeholder 2">
            <a:extLst>
              <a:ext uri="{FF2B5EF4-FFF2-40B4-BE49-F238E27FC236}">
                <a16:creationId xmlns:a16="http://schemas.microsoft.com/office/drawing/2014/main" id="{A665659D-ACA8-1C48-A044-2504F80CECD8}"/>
              </a:ext>
            </a:extLst>
          </p:cNvPr>
          <p:cNvSpPr>
            <a:spLocks noGrp="1"/>
          </p:cNvSpPr>
          <p:nvPr>
            <p:ph sz="half" idx="17"/>
          </p:nvPr>
        </p:nvSpPr>
        <p:spPr>
          <a:xfrm>
            <a:off x="5775342" y="1736889"/>
            <a:ext cx="4840137" cy="4129635"/>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Title 1">
            <a:extLst>
              <a:ext uri="{FF2B5EF4-FFF2-40B4-BE49-F238E27FC236}">
                <a16:creationId xmlns:a16="http://schemas.microsoft.com/office/drawing/2014/main" id="{AD9E3F7A-E3C8-5E4B-A92F-7463A17711EF}"/>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3875070196"/>
      </p:ext>
    </p:extLst>
  </p:cSld>
  <p:clrMapOvr>
    <a:masterClrMapping/>
  </p:clrMapOvr>
  <p:extLst>
    <p:ext uri="{DCECCB84-F9BA-43D5-87BE-67443E8EF086}">
      <p15:sldGuideLst xmlns:p15="http://schemas.microsoft.com/office/powerpoint/2012/main">
        <p15:guide id="1" orient="horz" pos="1320">
          <p15:clr>
            <a:srgbClr val="FBAE40"/>
          </p15:clr>
        </p15:guide>
        <p15:guide id="2" pos="3840">
          <p15:clr>
            <a:srgbClr val="FBAE40"/>
          </p15:clr>
        </p15:guide>
        <p15:guide id="3" orient="horz" pos="67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F80C5E50-7BC2-0D4C-9D38-34773D1F7D13}"/>
              </a:ext>
            </a:extLst>
          </p:cNvPr>
          <p:cNvPicPr>
            <a:picLocks noChangeAspect="1"/>
          </p:cNvPicPr>
          <p:nvPr userDrawn="1"/>
        </p:nvPicPr>
        <p:blipFill rotWithShape="1">
          <a:blip r:embed="rId2" cstate="screen">
            <a:extLst>
              <a:ext uri="{28A0092B-C50C-407E-A947-70E740481C1C}">
                <a14:useLocalDpi xmlns:a14="http://schemas.microsoft.com/office/drawing/2010/main" val="0"/>
              </a:ext>
            </a:extLst>
          </a:blip>
          <a:srcRect/>
          <a:stretch/>
        </p:blipFill>
        <p:spPr>
          <a:xfrm>
            <a:off x="10815865" y="0"/>
            <a:ext cx="1376135" cy="6858000"/>
          </a:xfrm>
          <a:prstGeom prst="rect">
            <a:avLst/>
          </a:prstGeom>
        </p:spPr>
      </p:pic>
      <p:sp>
        <p:nvSpPr>
          <p:cNvPr id="14" name="Content Placeholder 2">
            <a:extLst>
              <a:ext uri="{FF2B5EF4-FFF2-40B4-BE49-F238E27FC236}">
                <a16:creationId xmlns:a16="http://schemas.microsoft.com/office/drawing/2014/main" id="{1CD7A9FD-A7F9-A64B-AA00-A92D9745DFD5}"/>
              </a:ext>
            </a:extLst>
          </p:cNvPr>
          <p:cNvSpPr>
            <a:spLocks noGrp="1"/>
          </p:cNvSpPr>
          <p:nvPr>
            <p:ph sz="half" idx="1"/>
          </p:nvPr>
        </p:nvSpPr>
        <p:spPr>
          <a:xfrm>
            <a:off x="467360" y="1736890"/>
            <a:ext cx="10163643" cy="1099684"/>
          </a:xfrm>
          <a:prstGeom prst="rect">
            <a:avLst/>
          </a:prstGeom>
        </p:spPr>
        <p:txBody>
          <a:bodyPr/>
          <a:lstStyle>
            <a:lvl1pPr marL="9525" indent="0">
              <a:lnSpc>
                <a:spcPct val="110000"/>
              </a:lnSpc>
              <a:spcBef>
                <a:spcPts val="200"/>
              </a:spcBef>
              <a:buNone/>
              <a:tabLst/>
              <a:defRPr sz="1800"/>
            </a:lvl1pPr>
            <a:lvl2pPr marL="171450" indent="-161925">
              <a:lnSpc>
                <a:spcPct val="110000"/>
              </a:lnSpc>
              <a:spcBef>
                <a:spcPts val="200"/>
              </a:spcBef>
              <a:tabLst/>
              <a:defRPr sz="1800"/>
            </a:lvl2pPr>
            <a:lvl3pPr marL="344488" indent="-173038">
              <a:lnSpc>
                <a:spcPct val="110000"/>
              </a:lnSpc>
              <a:spcBef>
                <a:spcPts val="200"/>
              </a:spcBef>
              <a:buFont typeface="System Font Regular"/>
              <a:buChar char="−"/>
              <a:tabLst/>
              <a:defRPr sz="1600"/>
            </a:lvl3pPr>
            <a:lvl4pPr marL="466725" indent="-122238">
              <a:lnSpc>
                <a:spcPct val="110000"/>
              </a:lnSpc>
              <a:spcBef>
                <a:spcPts val="200"/>
              </a:spcBef>
              <a:buFont typeface="System Font Regular"/>
              <a:buChar char="-"/>
              <a:tabLst/>
              <a:defRPr sz="1600"/>
            </a:lvl4pPr>
            <a:lvl5pPr marL="577850" indent="-111125">
              <a:lnSpc>
                <a:spcPct val="110000"/>
              </a:lnSpc>
              <a:spcBef>
                <a:spcPts val="200"/>
              </a:spcBef>
              <a:buFont typeface="System Font Regular"/>
              <a:buChar char="◦"/>
              <a:tabLst/>
              <a:defRPr sz="1600"/>
            </a:lvl5pPr>
          </a:lstStyle>
          <a:p>
            <a:pPr lvl="0"/>
            <a:r>
              <a:rPr lang="en-US"/>
              <a:t>Click to edit Master text styles</a:t>
            </a:r>
          </a:p>
        </p:txBody>
      </p:sp>
      <p:sp>
        <p:nvSpPr>
          <p:cNvPr id="13" name="Footer Placeholder 3">
            <a:extLst>
              <a:ext uri="{FF2B5EF4-FFF2-40B4-BE49-F238E27FC236}">
                <a16:creationId xmlns:a16="http://schemas.microsoft.com/office/drawing/2014/main" id="{2726125D-719D-CD40-B207-E5B68D7C7DE6}"/>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6" name="Slide Number Placeholder 4">
            <a:extLst>
              <a:ext uri="{FF2B5EF4-FFF2-40B4-BE49-F238E27FC236}">
                <a16:creationId xmlns:a16="http://schemas.microsoft.com/office/drawing/2014/main" id="{72E89997-6C9C-C345-9A46-D1EF1D77361A}"/>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8" name="Picture 17">
            <a:extLst>
              <a:ext uri="{FF2B5EF4-FFF2-40B4-BE49-F238E27FC236}">
                <a16:creationId xmlns:a16="http://schemas.microsoft.com/office/drawing/2014/main" id="{EBD774CD-BE5D-4440-B6E4-F8A012908D50}"/>
              </a:ext>
            </a:extLst>
          </p:cNvPr>
          <p:cNvPicPr>
            <a:picLocks noChangeAspect="1"/>
          </p:cNvPicPr>
          <p:nvPr userDrawn="1"/>
        </p:nvPicPr>
        <p:blipFill>
          <a:blip r:embed="rId3"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
        <p:nvSpPr>
          <p:cNvPr id="11" name="Content Placeholder 2">
            <a:extLst>
              <a:ext uri="{FF2B5EF4-FFF2-40B4-BE49-F238E27FC236}">
                <a16:creationId xmlns:a16="http://schemas.microsoft.com/office/drawing/2014/main" id="{34D1EF26-A0FF-FA4E-A2D8-09D2A7D08B00}"/>
              </a:ext>
            </a:extLst>
          </p:cNvPr>
          <p:cNvSpPr>
            <a:spLocks noGrp="1"/>
          </p:cNvSpPr>
          <p:nvPr>
            <p:ph sz="half" idx="17"/>
          </p:nvPr>
        </p:nvSpPr>
        <p:spPr>
          <a:xfrm>
            <a:off x="467362" y="2873021"/>
            <a:ext cx="3230880" cy="3182868"/>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9" name="Content Placeholder 2">
            <a:extLst>
              <a:ext uri="{FF2B5EF4-FFF2-40B4-BE49-F238E27FC236}">
                <a16:creationId xmlns:a16="http://schemas.microsoft.com/office/drawing/2014/main" id="{D8C4EF68-72B5-1248-8541-21839D37A7C5}"/>
              </a:ext>
            </a:extLst>
          </p:cNvPr>
          <p:cNvSpPr>
            <a:spLocks noGrp="1"/>
          </p:cNvSpPr>
          <p:nvPr>
            <p:ph sz="half" idx="18"/>
          </p:nvPr>
        </p:nvSpPr>
        <p:spPr>
          <a:xfrm>
            <a:off x="7433157" y="2873021"/>
            <a:ext cx="3230880" cy="3182868"/>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Content Placeholder 2">
            <a:extLst>
              <a:ext uri="{FF2B5EF4-FFF2-40B4-BE49-F238E27FC236}">
                <a16:creationId xmlns:a16="http://schemas.microsoft.com/office/drawing/2014/main" id="{53F937E5-B83A-9B46-8E0A-899E2C538BA8}"/>
              </a:ext>
            </a:extLst>
          </p:cNvPr>
          <p:cNvSpPr>
            <a:spLocks noGrp="1"/>
          </p:cNvSpPr>
          <p:nvPr>
            <p:ph sz="half" idx="19"/>
          </p:nvPr>
        </p:nvSpPr>
        <p:spPr>
          <a:xfrm>
            <a:off x="3946542" y="2873021"/>
            <a:ext cx="3230880" cy="3182868"/>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Title 1">
            <a:extLst>
              <a:ext uri="{FF2B5EF4-FFF2-40B4-BE49-F238E27FC236}">
                <a16:creationId xmlns:a16="http://schemas.microsoft.com/office/drawing/2014/main" id="{FC1AAE79-1D7F-B743-9865-B799FF50EF52}"/>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33919834"/>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53BD6463-37BC-B947-B125-66DA0D52E76D}"/>
              </a:ext>
            </a:extLst>
          </p:cNvPr>
          <p:cNvPicPr>
            <a:picLocks noChangeAspect="1"/>
          </p:cNvPicPr>
          <p:nvPr userDrawn="1"/>
        </p:nvPicPr>
        <p:blipFill rotWithShape="1">
          <a:blip r:embed="rId2" cstate="screen">
            <a:extLst>
              <a:ext uri="{28A0092B-C50C-407E-A947-70E740481C1C}">
                <a14:useLocalDpi xmlns:a14="http://schemas.microsoft.com/office/drawing/2010/main" val="0"/>
              </a:ext>
            </a:extLst>
          </a:blip>
          <a:srcRect/>
          <a:stretch/>
        </p:blipFill>
        <p:spPr>
          <a:xfrm>
            <a:off x="10815865" y="0"/>
            <a:ext cx="1376135" cy="6858000"/>
          </a:xfrm>
          <a:prstGeom prst="rect">
            <a:avLst/>
          </a:prstGeom>
        </p:spPr>
      </p:pic>
      <p:sp>
        <p:nvSpPr>
          <p:cNvPr id="12" name="Footer Placeholder 3">
            <a:extLst>
              <a:ext uri="{FF2B5EF4-FFF2-40B4-BE49-F238E27FC236}">
                <a16:creationId xmlns:a16="http://schemas.microsoft.com/office/drawing/2014/main" id="{0FBD2FE2-7A87-B943-A648-658C7CBCB62C}"/>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3" name="Slide Number Placeholder 4">
            <a:extLst>
              <a:ext uri="{FF2B5EF4-FFF2-40B4-BE49-F238E27FC236}">
                <a16:creationId xmlns:a16="http://schemas.microsoft.com/office/drawing/2014/main" id="{CBF17567-4F75-E840-851B-9B3D0EA47811}"/>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4" name="Picture 13">
            <a:extLst>
              <a:ext uri="{FF2B5EF4-FFF2-40B4-BE49-F238E27FC236}">
                <a16:creationId xmlns:a16="http://schemas.microsoft.com/office/drawing/2014/main" id="{70931FFF-153B-8043-B70C-C2D47AA3ABDB}"/>
              </a:ext>
            </a:extLst>
          </p:cNvPr>
          <p:cNvPicPr>
            <a:picLocks noChangeAspect="1"/>
          </p:cNvPicPr>
          <p:nvPr userDrawn="1"/>
        </p:nvPicPr>
        <p:blipFill>
          <a:blip r:embed="rId3"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
        <p:nvSpPr>
          <p:cNvPr id="10" name="Content Placeholder 2">
            <a:extLst>
              <a:ext uri="{FF2B5EF4-FFF2-40B4-BE49-F238E27FC236}">
                <a16:creationId xmlns:a16="http://schemas.microsoft.com/office/drawing/2014/main" id="{72E15CC1-2641-0148-9340-7B80559B3147}"/>
              </a:ext>
            </a:extLst>
          </p:cNvPr>
          <p:cNvSpPr>
            <a:spLocks noGrp="1"/>
          </p:cNvSpPr>
          <p:nvPr>
            <p:ph sz="half" idx="17"/>
          </p:nvPr>
        </p:nvSpPr>
        <p:spPr>
          <a:xfrm>
            <a:off x="467361" y="1737222"/>
            <a:ext cx="3251199" cy="4178921"/>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Content Placeholder 2">
            <a:extLst>
              <a:ext uri="{FF2B5EF4-FFF2-40B4-BE49-F238E27FC236}">
                <a16:creationId xmlns:a16="http://schemas.microsoft.com/office/drawing/2014/main" id="{8A1DC570-C97B-584C-BF99-6412324F47E0}"/>
              </a:ext>
            </a:extLst>
          </p:cNvPr>
          <p:cNvSpPr>
            <a:spLocks noGrp="1"/>
          </p:cNvSpPr>
          <p:nvPr>
            <p:ph sz="half" idx="18"/>
          </p:nvPr>
        </p:nvSpPr>
        <p:spPr>
          <a:xfrm>
            <a:off x="7366249" y="1737222"/>
            <a:ext cx="3251199" cy="4178921"/>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2">
            <a:extLst>
              <a:ext uri="{FF2B5EF4-FFF2-40B4-BE49-F238E27FC236}">
                <a16:creationId xmlns:a16="http://schemas.microsoft.com/office/drawing/2014/main" id="{5F2DE87A-C545-4A43-AB29-EED653D261F7}"/>
              </a:ext>
            </a:extLst>
          </p:cNvPr>
          <p:cNvSpPr>
            <a:spLocks noGrp="1"/>
          </p:cNvSpPr>
          <p:nvPr>
            <p:ph sz="half" idx="19"/>
          </p:nvPr>
        </p:nvSpPr>
        <p:spPr>
          <a:xfrm>
            <a:off x="3931674" y="1737222"/>
            <a:ext cx="3251199" cy="4178921"/>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4DE915F4-8AA2-EC46-9AEE-C6DC0C74FFA7}"/>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2577976129"/>
      </p:ext>
    </p:extLst>
  </p:cSld>
  <p:clrMapOvr>
    <a:masterClrMapping/>
  </p:clrMapOvr>
  <p:extLst>
    <p:ext uri="{DCECCB84-F9BA-43D5-87BE-67443E8EF086}">
      <p15:sldGuideLst xmlns:p15="http://schemas.microsoft.com/office/powerpoint/2012/main">
        <p15:guide id="1" orient="horz" pos="1320">
          <p15:clr>
            <a:srgbClr val="FBAE40"/>
          </p15:clr>
        </p15:guide>
        <p15:guide id="2" pos="3840">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60CF4968-2CC9-F14F-ADB3-178C19706718}"/>
              </a:ext>
            </a:extLst>
          </p:cNvPr>
          <p:cNvPicPr>
            <a:picLocks noChangeAspect="1"/>
          </p:cNvPicPr>
          <p:nvPr userDrawn="1"/>
        </p:nvPicPr>
        <p:blipFill rotWithShape="1">
          <a:blip r:embed="rId2" cstate="screen">
            <a:extLst>
              <a:ext uri="{28A0092B-C50C-407E-A947-70E740481C1C}">
                <a14:useLocalDpi xmlns:a14="http://schemas.microsoft.com/office/drawing/2010/main" val="0"/>
              </a:ext>
            </a:extLst>
          </a:blip>
          <a:srcRect/>
          <a:stretch/>
        </p:blipFill>
        <p:spPr>
          <a:xfrm>
            <a:off x="10815865" y="0"/>
            <a:ext cx="1376135" cy="6858000"/>
          </a:xfrm>
          <a:prstGeom prst="rect">
            <a:avLst/>
          </a:prstGeom>
        </p:spPr>
      </p:pic>
      <p:sp>
        <p:nvSpPr>
          <p:cNvPr id="8" name="Footer Placeholder 3">
            <a:extLst>
              <a:ext uri="{FF2B5EF4-FFF2-40B4-BE49-F238E27FC236}">
                <a16:creationId xmlns:a16="http://schemas.microsoft.com/office/drawing/2014/main" id="{D3A14F05-9D8B-474D-BAD8-C65B304F82A0}"/>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9" name="Slide Number Placeholder 4">
            <a:extLst>
              <a:ext uri="{FF2B5EF4-FFF2-40B4-BE49-F238E27FC236}">
                <a16:creationId xmlns:a16="http://schemas.microsoft.com/office/drawing/2014/main" id="{F81FA8A5-B982-B049-97A0-8B4D36B23738}"/>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0" name="Picture 9">
            <a:extLst>
              <a:ext uri="{FF2B5EF4-FFF2-40B4-BE49-F238E27FC236}">
                <a16:creationId xmlns:a16="http://schemas.microsoft.com/office/drawing/2014/main" id="{F707A58A-AFDF-BB40-803D-9C80A9760B54}"/>
              </a:ext>
            </a:extLst>
          </p:cNvPr>
          <p:cNvPicPr>
            <a:picLocks noChangeAspect="1"/>
          </p:cNvPicPr>
          <p:nvPr userDrawn="1"/>
        </p:nvPicPr>
        <p:blipFill>
          <a:blip r:embed="rId3"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
        <p:nvSpPr>
          <p:cNvPr id="12" name="Title 1">
            <a:extLst>
              <a:ext uri="{FF2B5EF4-FFF2-40B4-BE49-F238E27FC236}">
                <a16:creationId xmlns:a16="http://schemas.microsoft.com/office/drawing/2014/main" id="{ECAFF5CA-A238-D64F-83AF-EE1C2D4C08E3}"/>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3900992833"/>
      </p:ext>
    </p:extLst>
  </p:cSld>
  <p:clrMapOvr>
    <a:masterClrMapping/>
  </p:clrMapOvr>
  <p:extLst>
    <p:ext uri="{DCECCB84-F9BA-43D5-87BE-67443E8EF086}">
      <p15:sldGuideLst xmlns:p15="http://schemas.microsoft.com/office/powerpoint/2012/main">
        <p15:guide id="1" orient="horz" pos="696" userDrawn="1">
          <p15:clr>
            <a:srgbClr val="FBAE40"/>
          </p15:clr>
        </p15:guide>
        <p15:guide id="2" pos="288"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12" name="Picture Placeholder 10">
            <a:extLst>
              <a:ext uri="{FF2B5EF4-FFF2-40B4-BE49-F238E27FC236}">
                <a16:creationId xmlns:a16="http://schemas.microsoft.com/office/drawing/2014/main" id="{676FB7A0-D042-924A-9CDC-846428AA4D24}"/>
              </a:ext>
            </a:extLst>
          </p:cNvPr>
          <p:cNvSpPr>
            <a:spLocks noGrp="1"/>
          </p:cNvSpPr>
          <p:nvPr>
            <p:ph type="pic" sz="quarter" idx="13"/>
          </p:nvPr>
        </p:nvSpPr>
        <p:spPr>
          <a:xfrm>
            <a:off x="3178339" y="2177741"/>
            <a:ext cx="1735572" cy="2115964"/>
          </a:xfrm>
          <a:prstGeom prst="rect">
            <a:avLst/>
          </a:prstGeom>
          <a:solidFill>
            <a:schemeClr val="bg2"/>
          </a:solidFill>
          <a:ln>
            <a:solidFill>
              <a:schemeClr val="bg2"/>
            </a:solidFill>
          </a:ln>
        </p:spPr>
        <p:txBody>
          <a:bodyPr/>
          <a:lstStyle>
            <a:lvl1pPr marL="0" indent="0">
              <a:buNone/>
              <a:defRPr sz="1200"/>
            </a:lvl1pPr>
          </a:lstStyle>
          <a:p>
            <a:r>
              <a:rPr lang="en-US" dirty="0"/>
              <a:t>Click icon to add</a:t>
            </a:r>
          </a:p>
        </p:txBody>
      </p:sp>
      <p:sp>
        <p:nvSpPr>
          <p:cNvPr id="18" name="Footer Placeholder 3">
            <a:extLst>
              <a:ext uri="{FF2B5EF4-FFF2-40B4-BE49-F238E27FC236}">
                <a16:creationId xmlns:a16="http://schemas.microsoft.com/office/drawing/2014/main" id="{DB2C12D8-11D9-1C4F-A4F2-833667AEE722}"/>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9" name="Slide Number Placeholder 4">
            <a:extLst>
              <a:ext uri="{FF2B5EF4-FFF2-40B4-BE49-F238E27FC236}">
                <a16:creationId xmlns:a16="http://schemas.microsoft.com/office/drawing/2014/main" id="{C7001E5F-FD57-8C4D-B8D4-AA24D2A71277}"/>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21" name="Picture 20">
            <a:extLst>
              <a:ext uri="{FF2B5EF4-FFF2-40B4-BE49-F238E27FC236}">
                <a16:creationId xmlns:a16="http://schemas.microsoft.com/office/drawing/2014/main" id="{C11427DF-FCDB-ED4E-A18C-8631E5480B3E}"/>
              </a:ext>
            </a:extLst>
          </p:cNvPr>
          <p:cNvPicPr>
            <a:picLocks noChangeAspect="1"/>
          </p:cNvPicPr>
          <p:nvPr userDrawn="1"/>
        </p:nvPicPr>
        <p:blipFill rotWithShape="1">
          <a:blip r:embed="rId2" cstate="screen">
            <a:extLst>
              <a:ext uri="{28A0092B-C50C-407E-A947-70E740481C1C}">
                <a14:useLocalDpi xmlns:a14="http://schemas.microsoft.com/office/drawing/2010/main" val="0"/>
              </a:ext>
            </a:extLst>
          </a:blip>
          <a:srcRect/>
          <a:stretch/>
        </p:blipFill>
        <p:spPr>
          <a:xfrm>
            <a:off x="10815865" y="11917"/>
            <a:ext cx="1376135" cy="6858000"/>
          </a:xfrm>
          <a:prstGeom prst="rect">
            <a:avLst/>
          </a:prstGeom>
        </p:spPr>
      </p:pic>
      <p:sp>
        <p:nvSpPr>
          <p:cNvPr id="25" name="Picture Placeholder 10">
            <a:extLst>
              <a:ext uri="{FF2B5EF4-FFF2-40B4-BE49-F238E27FC236}">
                <a16:creationId xmlns:a16="http://schemas.microsoft.com/office/drawing/2014/main" id="{5B197474-C28E-264F-A191-C653B676F292}"/>
              </a:ext>
            </a:extLst>
          </p:cNvPr>
          <p:cNvSpPr>
            <a:spLocks noGrp="1"/>
          </p:cNvSpPr>
          <p:nvPr>
            <p:ph type="pic" sz="quarter" idx="14"/>
          </p:nvPr>
        </p:nvSpPr>
        <p:spPr>
          <a:xfrm>
            <a:off x="5132963" y="2177741"/>
            <a:ext cx="1735572" cy="2115964"/>
          </a:xfrm>
          <a:prstGeom prst="rect">
            <a:avLst/>
          </a:prstGeom>
          <a:solidFill>
            <a:schemeClr val="bg2"/>
          </a:solidFill>
          <a:ln>
            <a:solidFill>
              <a:schemeClr val="bg2"/>
            </a:solidFill>
          </a:ln>
        </p:spPr>
        <p:txBody>
          <a:bodyPr/>
          <a:lstStyle>
            <a:lvl1pPr marL="0" indent="0">
              <a:buNone/>
              <a:defRPr sz="1200"/>
            </a:lvl1pPr>
          </a:lstStyle>
          <a:p>
            <a:r>
              <a:rPr lang="en-US" dirty="0"/>
              <a:t>Click icon to add</a:t>
            </a:r>
          </a:p>
        </p:txBody>
      </p:sp>
      <p:sp>
        <p:nvSpPr>
          <p:cNvPr id="27" name="Picture Placeholder 10">
            <a:extLst>
              <a:ext uri="{FF2B5EF4-FFF2-40B4-BE49-F238E27FC236}">
                <a16:creationId xmlns:a16="http://schemas.microsoft.com/office/drawing/2014/main" id="{65DBD25F-D543-FE45-9AA0-ECB17D01C287}"/>
              </a:ext>
            </a:extLst>
          </p:cNvPr>
          <p:cNvSpPr>
            <a:spLocks noGrp="1"/>
          </p:cNvSpPr>
          <p:nvPr>
            <p:ph type="pic" sz="quarter" idx="15"/>
          </p:nvPr>
        </p:nvSpPr>
        <p:spPr>
          <a:xfrm>
            <a:off x="7087587" y="2177741"/>
            <a:ext cx="1735572" cy="2115964"/>
          </a:xfrm>
          <a:prstGeom prst="rect">
            <a:avLst/>
          </a:prstGeom>
          <a:solidFill>
            <a:schemeClr val="bg2"/>
          </a:solidFill>
          <a:ln>
            <a:solidFill>
              <a:schemeClr val="bg2"/>
            </a:solidFill>
          </a:ln>
        </p:spPr>
        <p:txBody>
          <a:bodyPr/>
          <a:lstStyle>
            <a:lvl1pPr marL="0" indent="0">
              <a:buNone/>
              <a:defRPr sz="1200"/>
            </a:lvl1pPr>
          </a:lstStyle>
          <a:p>
            <a:r>
              <a:rPr lang="en-US" dirty="0"/>
              <a:t>Click icon to add</a:t>
            </a:r>
          </a:p>
        </p:txBody>
      </p:sp>
      <p:sp>
        <p:nvSpPr>
          <p:cNvPr id="29" name="Picture Placeholder 10">
            <a:extLst>
              <a:ext uri="{FF2B5EF4-FFF2-40B4-BE49-F238E27FC236}">
                <a16:creationId xmlns:a16="http://schemas.microsoft.com/office/drawing/2014/main" id="{9D385B91-EB33-4D4F-A861-61A09B612AA7}"/>
              </a:ext>
            </a:extLst>
          </p:cNvPr>
          <p:cNvSpPr>
            <a:spLocks noGrp="1"/>
          </p:cNvSpPr>
          <p:nvPr>
            <p:ph type="pic" sz="quarter" idx="16"/>
          </p:nvPr>
        </p:nvSpPr>
        <p:spPr>
          <a:xfrm>
            <a:off x="9042211" y="2177741"/>
            <a:ext cx="1735572" cy="2115964"/>
          </a:xfrm>
          <a:prstGeom prst="rect">
            <a:avLst/>
          </a:prstGeom>
          <a:solidFill>
            <a:schemeClr val="bg2"/>
          </a:solidFill>
          <a:ln>
            <a:solidFill>
              <a:schemeClr val="bg2"/>
            </a:solidFill>
          </a:ln>
        </p:spPr>
        <p:txBody>
          <a:bodyPr/>
          <a:lstStyle>
            <a:lvl1pPr marL="0" indent="0">
              <a:buNone/>
              <a:defRPr sz="1200"/>
            </a:lvl1pPr>
          </a:lstStyle>
          <a:p>
            <a:r>
              <a:rPr lang="en-US" dirty="0"/>
              <a:t>Click icon to add</a:t>
            </a:r>
          </a:p>
        </p:txBody>
      </p:sp>
      <p:pic>
        <p:nvPicPr>
          <p:cNvPr id="22" name="Picture 21">
            <a:extLst>
              <a:ext uri="{FF2B5EF4-FFF2-40B4-BE49-F238E27FC236}">
                <a16:creationId xmlns:a16="http://schemas.microsoft.com/office/drawing/2014/main" id="{E738C3FB-1AE5-C04A-9A18-A9946396F834}"/>
              </a:ext>
            </a:extLst>
          </p:cNvPr>
          <p:cNvPicPr>
            <a:picLocks noChangeAspect="1"/>
          </p:cNvPicPr>
          <p:nvPr userDrawn="1"/>
        </p:nvPicPr>
        <p:blipFill>
          <a:blip r:embed="rId3"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
        <p:nvSpPr>
          <p:cNvPr id="17" name="Content Placeholder 2">
            <a:extLst>
              <a:ext uri="{FF2B5EF4-FFF2-40B4-BE49-F238E27FC236}">
                <a16:creationId xmlns:a16="http://schemas.microsoft.com/office/drawing/2014/main" id="{BC86CF06-49C6-9642-A02C-B8C9736ABD58}"/>
              </a:ext>
            </a:extLst>
          </p:cNvPr>
          <p:cNvSpPr>
            <a:spLocks noGrp="1"/>
          </p:cNvSpPr>
          <p:nvPr>
            <p:ph sz="half" idx="17"/>
          </p:nvPr>
        </p:nvSpPr>
        <p:spPr>
          <a:xfrm>
            <a:off x="467361" y="2104589"/>
            <a:ext cx="2449575" cy="3182868"/>
          </a:xfrm>
          <a:prstGeom prst="rect">
            <a:avLst/>
          </a:prstGeom>
        </p:spPr>
        <p:txBody>
          <a:bodyPr/>
          <a:lstStyle>
            <a:lvl1pPr marL="9525" indent="0">
              <a:lnSpc>
                <a:spcPct val="100000"/>
              </a:lnSpc>
              <a:spcBef>
                <a:spcPts val="0"/>
              </a:spcBef>
              <a:spcAft>
                <a:spcPts val="200"/>
              </a:spcAft>
              <a:buNone/>
              <a:tabLst/>
              <a:defRPr sz="16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Content Placeholder 2">
            <a:extLst>
              <a:ext uri="{FF2B5EF4-FFF2-40B4-BE49-F238E27FC236}">
                <a16:creationId xmlns:a16="http://schemas.microsoft.com/office/drawing/2014/main" id="{77C03EA8-A73C-1C41-926C-20D24247968A}"/>
              </a:ext>
            </a:extLst>
          </p:cNvPr>
          <p:cNvSpPr>
            <a:spLocks noGrp="1"/>
          </p:cNvSpPr>
          <p:nvPr>
            <p:ph sz="half" idx="18"/>
          </p:nvPr>
        </p:nvSpPr>
        <p:spPr>
          <a:xfrm>
            <a:off x="3062690" y="4354013"/>
            <a:ext cx="1868721" cy="2503987"/>
          </a:xfrm>
          <a:prstGeom prst="rect">
            <a:avLst/>
          </a:prstGeom>
        </p:spPr>
        <p:txBody>
          <a:bodyPr>
            <a:normAutofit/>
          </a:bodyPr>
          <a:lstStyle>
            <a:lvl1pPr marL="9525" indent="0">
              <a:lnSpc>
                <a:spcPct val="100000"/>
              </a:lnSpc>
              <a:spcBef>
                <a:spcPts val="0"/>
              </a:spcBef>
              <a:spcAft>
                <a:spcPts val="200"/>
              </a:spcAft>
              <a:buNone/>
              <a:tabLst/>
              <a:defRPr sz="1200" b="1"/>
            </a:lvl1pPr>
            <a:lvl2pPr marL="9525" indent="0">
              <a:lnSpc>
                <a:spcPct val="100000"/>
              </a:lnSpc>
              <a:spcBef>
                <a:spcPts val="200"/>
              </a:spcBef>
              <a:buNone/>
              <a:tabLst/>
              <a:defRPr sz="1200"/>
            </a:lvl2pPr>
            <a:lvl3pPr marL="344488" indent="-173038">
              <a:lnSpc>
                <a:spcPct val="100000"/>
              </a:lnSpc>
              <a:spcBef>
                <a:spcPts val="200"/>
              </a:spcBef>
              <a:buFont typeface="System Font Regular"/>
              <a:buChar char="−"/>
              <a:tabLst/>
              <a:defRPr sz="1200"/>
            </a:lvl3pPr>
            <a:lvl4pPr marL="466725" indent="-122238">
              <a:lnSpc>
                <a:spcPct val="100000"/>
              </a:lnSpc>
              <a:spcBef>
                <a:spcPts val="200"/>
              </a:spcBef>
              <a:buFont typeface="System Font Regular"/>
              <a:buChar char="-"/>
              <a:tabLst/>
              <a:defRPr sz="1200"/>
            </a:lvl4pPr>
            <a:lvl5pPr marL="577850" indent="-111125">
              <a:lnSpc>
                <a:spcPct val="100000"/>
              </a:lnSpc>
              <a:spcBef>
                <a:spcPts val="200"/>
              </a:spcBef>
              <a:buFont typeface="System Font Regular"/>
              <a:buChar char="◦"/>
              <a:tabLst/>
              <a:defRPr sz="1200"/>
            </a:lvl5pPr>
          </a:lstStyle>
          <a:p>
            <a:pPr lvl="0"/>
            <a:r>
              <a:rPr lang="en-US"/>
              <a:t>Click to edit Master text styles</a:t>
            </a:r>
          </a:p>
          <a:p>
            <a:pPr lvl="1"/>
            <a:r>
              <a:rPr lang="en-US"/>
              <a:t>Second level</a:t>
            </a:r>
          </a:p>
        </p:txBody>
      </p:sp>
      <p:sp>
        <p:nvSpPr>
          <p:cNvPr id="23" name="Content Placeholder 2">
            <a:extLst>
              <a:ext uri="{FF2B5EF4-FFF2-40B4-BE49-F238E27FC236}">
                <a16:creationId xmlns:a16="http://schemas.microsoft.com/office/drawing/2014/main" id="{744C6A02-886C-D54B-B46D-648EC502E0F9}"/>
              </a:ext>
            </a:extLst>
          </p:cNvPr>
          <p:cNvSpPr>
            <a:spLocks noGrp="1"/>
          </p:cNvSpPr>
          <p:nvPr>
            <p:ph sz="half" idx="19"/>
          </p:nvPr>
        </p:nvSpPr>
        <p:spPr>
          <a:xfrm>
            <a:off x="5029040" y="4354013"/>
            <a:ext cx="1868721" cy="2503987"/>
          </a:xfrm>
          <a:prstGeom prst="rect">
            <a:avLst/>
          </a:prstGeom>
        </p:spPr>
        <p:txBody>
          <a:bodyPr>
            <a:normAutofit/>
          </a:bodyPr>
          <a:lstStyle>
            <a:lvl1pPr marL="9525" indent="0">
              <a:lnSpc>
                <a:spcPct val="100000"/>
              </a:lnSpc>
              <a:spcBef>
                <a:spcPts val="0"/>
              </a:spcBef>
              <a:spcAft>
                <a:spcPts val="200"/>
              </a:spcAft>
              <a:buNone/>
              <a:tabLst/>
              <a:defRPr sz="1200" b="1"/>
            </a:lvl1pPr>
            <a:lvl2pPr marL="9525" indent="0">
              <a:lnSpc>
                <a:spcPct val="100000"/>
              </a:lnSpc>
              <a:spcBef>
                <a:spcPts val="200"/>
              </a:spcBef>
              <a:buNone/>
              <a:tabLst/>
              <a:defRPr sz="1200"/>
            </a:lvl2pPr>
            <a:lvl3pPr marL="344488" indent="-173038">
              <a:lnSpc>
                <a:spcPct val="100000"/>
              </a:lnSpc>
              <a:spcBef>
                <a:spcPts val="200"/>
              </a:spcBef>
              <a:buFont typeface="System Font Regular"/>
              <a:buChar char="−"/>
              <a:tabLst/>
              <a:defRPr sz="1200"/>
            </a:lvl3pPr>
            <a:lvl4pPr marL="466725" indent="-122238">
              <a:lnSpc>
                <a:spcPct val="100000"/>
              </a:lnSpc>
              <a:spcBef>
                <a:spcPts val="200"/>
              </a:spcBef>
              <a:buFont typeface="System Font Regular"/>
              <a:buChar char="-"/>
              <a:tabLst/>
              <a:defRPr sz="1200"/>
            </a:lvl4pPr>
            <a:lvl5pPr marL="577850" indent="-111125">
              <a:lnSpc>
                <a:spcPct val="100000"/>
              </a:lnSpc>
              <a:spcBef>
                <a:spcPts val="200"/>
              </a:spcBef>
              <a:buFont typeface="System Font Regular"/>
              <a:buChar char="◦"/>
              <a:tabLst/>
              <a:defRPr sz="1200"/>
            </a:lvl5pPr>
          </a:lstStyle>
          <a:p>
            <a:pPr lvl="0"/>
            <a:r>
              <a:rPr lang="en-US"/>
              <a:t>Click to edit Master text styles</a:t>
            </a:r>
          </a:p>
          <a:p>
            <a:pPr lvl="1"/>
            <a:r>
              <a:rPr lang="en-US"/>
              <a:t>Second level</a:t>
            </a:r>
          </a:p>
        </p:txBody>
      </p:sp>
      <p:sp>
        <p:nvSpPr>
          <p:cNvPr id="31" name="Content Placeholder 2">
            <a:extLst>
              <a:ext uri="{FF2B5EF4-FFF2-40B4-BE49-F238E27FC236}">
                <a16:creationId xmlns:a16="http://schemas.microsoft.com/office/drawing/2014/main" id="{A89BD80A-9679-A244-842A-2602A4396E1C}"/>
              </a:ext>
            </a:extLst>
          </p:cNvPr>
          <p:cNvSpPr>
            <a:spLocks noGrp="1"/>
          </p:cNvSpPr>
          <p:nvPr>
            <p:ph sz="half" idx="20"/>
          </p:nvPr>
        </p:nvSpPr>
        <p:spPr>
          <a:xfrm>
            <a:off x="7005321" y="4354013"/>
            <a:ext cx="1868721" cy="2503987"/>
          </a:xfrm>
          <a:prstGeom prst="rect">
            <a:avLst/>
          </a:prstGeom>
        </p:spPr>
        <p:txBody>
          <a:bodyPr>
            <a:normAutofit/>
          </a:bodyPr>
          <a:lstStyle>
            <a:lvl1pPr marL="9525" indent="0">
              <a:lnSpc>
                <a:spcPct val="100000"/>
              </a:lnSpc>
              <a:spcBef>
                <a:spcPts val="0"/>
              </a:spcBef>
              <a:spcAft>
                <a:spcPts val="200"/>
              </a:spcAft>
              <a:buNone/>
              <a:tabLst/>
              <a:defRPr sz="1200" b="1"/>
            </a:lvl1pPr>
            <a:lvl2pPr marL="9525" indent="0">
              <a:lnSpc>
                <a:spcPct val="100000"/>
              </a:lnSpc>
              <a:spcBef>
                <a:spcPts val="200"/>
              </a:spcBef>
              <a:buNone/>
              <a:tabLst/>
              <a:defRPr sz="1200"/>
            </a:lvl2pPr>
            <a:lvl3pPr marL="344488" indent="-173038">
              <a:lnSpc>
                <a:spcPct val="100000"/>
              </a:lnSpc>
              <a:spcBef>
                <a:spcPts val="200"/>
              </a:spcBef>
              <a:buFont typeface="System Font Regular"/>
              <a:buChar char="−"/>
              <a:tabLst/>
              <a:defRPr sz="1200"/>
            </a:lvl3pPr>
            <a:lvl4pPr marL="466725" indent="-122238">
              <a:lnSpc>
                <a:spcPct val="100000"/>
              </a:lnSpc>
              <a:spcBef>
                <a:spcPts val="200"/>
              </a:spcBef>
              <a:buFont typeface="System Font Regular"/>
              <a:buChar char="-"/>
              <a:tabLst/>
              <a:defRPr sz="1200"/>
            </a:lvl4pPr>
            <a:lvl5pPr marL="577850" indent="-111125">
              <a:lnSpc>
                <a:spcPct val="100000"/>
              </a:lnSpc>
              <a:spcBef>
                <a:spcPts val="200"/>
              </a:spcBef>
              <a:buFont typeface="System Font Regular"/>
              <a:buChar char="◦"/>
              <a:tabLst/>
              <a:defRPr sz="1200"/>
            </a:lvl5pPr>
          </a:lstStyle>
          <a:p>
            <a:pPr lvl="0"/>
            <a:r>
              <a:rPr lang="en-US"/>
              <a:t>Click to edit Master text styles</a:t>
            </a:r>
          </a:p>
          <a:p>
            <a:pPr lvl="1"/>
            <a:r>
              <a:rPr lang="en-US"/>
              <a:t>Second level</a:t>
            </a:r>
          </a:p>
        </p:txBody>
      </p:sp>
      <p:sp>
        <p:nvSpPr>
          <p:cNvPr id="32" name="Content Placeholder 2">
            <a:extLst>
              <a:ext uri="{FF2B5EF4-FFF2-40B4-BE49-F238E27FC236}">
                <a16:creationId xmlns:a16="http://schemas.microsoft.com/office/drawing/2014/main" id="{5E207525-76D2-EF4E-B88E-FC1A0CD4588A}"/>
              </a:ext>
            </a:extLst>
          </p:cNvPr>
          <p:cNvSpPr>
            <a:spLocks noGrp="1"/>
          </p:cNvSpPr>
          <p:nvPr>
            <p:ph sz="half" idx="21"/>
          </p:nvPr>
        </p:nvSpPr>
        <p:spPr>
          <a:xfrm>
            <a:off x="8933453" y="4354013"/>
            <a:ext cx="1868721" cy="2503987"/>
          </a:xfrm>
          <a:prstGeom prst="rect">
            <a:avLst/>
          </a:prstGeom>
        </p:spPr>
        <p:txBody>
          <a:bodyPr>
            <a:normAutofit/>
          </a:bodyPr>
          <a:lstStyle>
            <a:lvl1pPr marL="9525" indent="0">
              <a:lnSpc>
                <a:spcPct val="100000"/>
              </a:lnSpc>
              <a:spcBef>
                <a:spcPts val="0"/>
              </a:spcBef>
              <a:spcAft>
                <a:spcPts val="200"/>
              </a:spcAft>
              <a:buNone/>
              <a:tabLst/>
              <a:defRPr sz="1200" b="1"/>
            </a:lvl1pPr>
            <a:lvl2pPr marL="9525" indent="0">
              <a:lnSpc>
                <a:spcPct val="100000"/>
              </a:lnSpc>
              <a:spcBef>
                <a:spcPts val="200"/>
              </a:spcBef>
              <a:buNone/>
              <a:tabLst/>
              <a:defRPr sz="1200"/>
            </a:lvl2pPr>
            <a:lvl3pPr marL="344488" indent="-173038">
              <a:lnSpc>
                <a:spcPct val="100000"/>
              </a:lnSpc>
              <a:spcBef>
                <a:spcPts val="200"/>
              </a:spcBef>
              <a:buFont typeface="System Font Regular"/>
              <a:buChar char="−"/>
              <a:tabLst/>
              <a:defRPr sz="1200"/>
            </a:lvl3pPr>
            <a:lvl4pPr marL="466725" indent="-122238">
              <a:lnSpc>
                <a:spcPct val="100000"/>
              </a:lnSpc>
              <a:spcBef>
                <a:spcPts val="200"/>
              </a:spcBef>
              <a:buFont typeface="System Font Regular"/>
              <a:buChar char="-"/>
              <a:tabLst/>
              <a:defRPr sz="1200"/>
            </a:lvl4pPr>
            <a:lvl5pPr marL="577850" indent="-111125">
              <a:lnSpc>
                <a:spcPct val="100000"/>
              </a:lnSpc>
              <a:spcBef>
                <a:spcPts val="200"/>
              </a:spcBef>
              <a:buFont typeface="System Font Regular"/>
              <a:buChar char="◦"/>
              <a:tabLst/>
              <a:defRPr sz="1200"/>
            </a:lvl5pPr>
          </a:lstStyle>
          <a:p>
            <a:pPr lvl="0"/>
            <a:r>
              <a:rPr lang="en-US"/>
              <a:t>Click to edit Master text styles</a:t>
            </a:r>
          </a:p>
          <a:p>
            <a:pPr lvl="1"/>
            <a:r>
              <a:rPr lang="en-US"/>
              <a:t>Second level</a:t>
            </a:r>
          </a:p>
        </p:txBody>
      </p:sp>
      <p:sp>
        <p:nvSpPr>
          <p:cNvPr id="33" name="Title 1">
            <a:extLst>
              <a:ext uri="{FF2B5EF4-FFF2-40B4-BE49-F238E27FC236}">
                <a16:creationId xmlns:a16="http://schemas.microsoft.com/office/drawing/2014/main" id="{8908DF03-E15F-8F43-BFCF-743C3F11D569}"/>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1455450106"/>
      </p:ext>
    </p:extLst>
  </p:cSld>
  <p:clrMapOvr>
    <a:masterClrMapping/>
  </p:clrMapOvr>
  <p:extLst>
    <p:ext uri="{DCECCB84-F9BA-43D5-87BE-67443E8EF086}">
      <p15:sldGuideLst xmlns:p15="http://schemas.microsoft.com/office/powerpoint/2012/main">
        <p15:guide id="1" orient="horz" pos="2160">
          <p15:clr>
            <a:srgbClr val="FBAE40"/>
          </p15:clr>
        </p15:guide>
        <p15:guide id="2" pos="360">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with Chart">
    <p:spTree>
      <p:nvGrpSpPr>
        <p:cNvPr id="1" name=""/>
        <p:cNvGrpSpPr/>
        <p:nvPr/>
      </p:nvGrpSpPr>
      <p:grpSpPr>
        <a:xfrm>
          <a:off x="0" y="0"/>
          <a:ext cx="0" cy="0"/>
          <a:chOff x="0" y="0"/>
          <a:chExt cx="0" cy="0"/>
        </a:xfrm>
      </p:grpSpPr>
      <p:sp>
        <p:nvSpPr>
          <p:cNvPr id="6" name="Chart Placeholder 5">
            <a:extLst>
              <a:ext uri="{FF2B5EF4-FFF2-40B4-BE49-F238E27FC236}">
                <a16:creationId xmlns:a16="http://schemas.microsoft.com/office/drawing/2014/main" id="{6B332E26-6819-4640-9EB8-D5FAB05A8ED6}"/>
              </a:ext>
            </a:extLst>
          </p:cNvPr>
          <p:cNvSpPr>
            <a:spLocks noGrp="1"/>
          </p:cNvSpPr>
          <p:nvPr>
            <p:ph type="chart" sz="quarter" idx="13"/>
          </p:nvPr>
        </p:nvSpPr>
        <p:spPr>
          <a:xfrm>
            <a:off x="966216" y="1889253"/>
            <a:ext cx="10259568" cy="3456432"/>
          </a:xfrm>
          <a:prstGeom prst="rect">
            <a:avLst/>
          </a:prstGeom>
          <a:solidFill>
            <a:schemeClr val="bg1">
              <a:lumMod val="95000"/>
            </a:schemeClr>
          </a:solidFill>
        </p:spPr>
        <p:txBody>
          <a:bodyPr/>
          <a:lstStyle>
            <a:lvl1pPr marL="0" indent="0">
              <a:buNone/>
              <a:defRPr/>
            </a:lvl1pPr>
          </a:lstStyle>
          <a:p>
            <a:endParaRPr lang="en-US"/>
          </a:p>
        </p:txBody>
      </p:sp>
      <p:sp>
        <p:nvSpPr>
          <p:cNvPr id="9" name="Footer Placeholder 3">
            <a:extLst>
              <a:ext uri="{FF2B5EF4-FFF2-40B4-BE49-F238E27FC236}">
                <a16:creationId xmlns:a16="http://schemas.microsoft.com/office/drawing/2014/main" id="{F4DE7AE6-FA55-264C-90BE-A43A7081AD2D}"/>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0" name="Slide Number Placeholder 4">
            <a:extLst>
              <a:ext uri="{FF2B5EF4-FFF2-40B4-BE49-F238E27FC236}">
                <a16:creationId xmlns:a16="http://schemas.microsoft.com/office/drawing/2014/main" id="{B99D36F4-81EB-5547-A797-459B120CC8C1}"/>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1" name="Picture 10">
            <a:extLst>
              <a:ext uri="{FF2B5EF4-FFF2-40B4-BE49-F238E27FC236}">
                <a16:creationId xmlns:a16="http://schemas.microsoft.com/office/drawing/2014/main" id="{A7575FAD-DC41-F841-91AA-8E657C1BD722}"/>
              </a:ext>
            </a:extLst>
          </p:cNvPr>
          <p:cNvPicPr>
            <a:picLocks noChangeAspect="1"/>
          </p:cNvPicPr>
          <p:nvPr userDrawn="1"/>
        </p:nvPicPr>
        <p:blipFill>
          <a:blip r:embed="rId2"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
        <p:nvSpPr>
          <p:cNvPr id="7" name="Title 1">
            <a:extLst>
              <a:ext uri="{FF2B5EF4-FFF2-40B4-BE49-F238E27FC236}">
                <a16:creationId xmlns:a16="http://schemas.microsoft.com/office/drawing/2014/main" id="{22311E1D-0CA6-714E-BCC2-226ABB793115}"/>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113043284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6" name="Footer Placeholder 3">
            <a:extLst>
              <a:ext uri="{FF2B5EF4-FFF2-40B4-BE49-F238E27FC236}">
                <a16:creationId xmlns:a16="http://schemas.microsoft.com/office/drawing/2014/main" id="{C46873F5-558C-0B4C-8B90-C69DDCE7296F}"/>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7" name="Slide Number Placeholder 4">
            <a:extLst>
              <a:ext uri="{FF2B5EF4-FFF2-40B4-BE49-F238E27FC236}">
                <a16:creationId xmlns:a16="http://schemas.microsoft.com/office/drawing/2014/main" id="{2594E84D-DA7A-A244-A0D9-B7C6BD92964B}"/>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8" name="Picture 7">
            <a:extLst>
              <a:ext uri="{FF2B5EF4-FFF2-40B4-BE49-F238E27FC236}">
                <a16:creationId xmlns:a16="http://schemas.microsoft.com/office/drawing/2014/main" id="{6E23F6A4-F127-0B43-A264-7CE8DFCCA832}"/>
              </a:ext>
            </a:extLst>
          </p:cNvPr>
          <p:cNvPicPr>
            <a:picLocks noChangeAspect="1"/>
          </p:cNvPicPr>
          <p:nvPr userDrawn="1"/>
        </p:nvPicPr>
        <p:blipFill>
          <a:blip r:embed="rId2"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Tree>
    <p:extLst>
      <p:ext uri="{BB962C8B-B14F-4D97-AF65-F5344CB8AC3E}">
        <p14:creationId xmlns:p14="http://schemas.microsoft.com/office/powerpoint/2010/main" val="3544058408"/>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type="picTx" preserve="1">
  <p:cSld name="1_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C708CA-BE44-E841-B480-DE1EA057734D}"/>
              </a:ext>
            </a:extLst>
          </p:cNvPr>
          <p:cNvSpPr>
            <a:spLocks noGrp="1"/>
          </p:cNvSpPr>
          <p:nvPr>
            <p:ph type="title"/>
          </p:nvPr>
        </p:nvSpPr>
        <p:spPr>
          <a:xfrm>
            <a:off x="477519" y="457200"/>
            <a:ext cx="4233672" cy="1600200"/>
          </a:xfrm>
        </p:spPr>
        <p:txBody>
          <a:bodyPr anchor="b"/>
          <a:lstStyle>
            <a:lvl1pPr>
              <a:defRPr sz="3200"/>
            </a:lvl1pPr>
          </a:lstStyle>
          <a:p>
            <a:r>
              <a:rPr lang="en-US"/>
              <a:t>Click to edit Master title style</a:t>
            </a:r>
          </a:p>
        </p:txBody>
      </p:sp>
      <p:sp>
        <p:nvSpPr>
          <p:cNvPr id="3" name="Picture Placeholder 2">
            <a:extLst>
              <a:ext uri="{FF2B5EF4-FFF2-40B4-BE49-F238E27FC236}">
                <a16:creationId xmlns:a16="http://schemas.microsoft.com/office/drawing/2014/main" id="{B303E3E3-3CD0-D240-BE33-15BC2FC66FD0}"/>
              </a:ext>
            </a:extLst>
          </p:cNvPr>
          <p:cNvSpPr>
            <a:spLocks noGrp="1"/>
          </p:cNvSpPr>
          <p:nvPr>
            <p:ph type="pic" idx="1"/>
          </p:nvPr>
        </p:nvSpPr>
        <p:spPr>
          <a:xfrm>
            <a:off x="5183188" y="0"/>
            <a:ext cx="7008812" cy="6857999"/>
          </a:xfrm>
          <a:prstGeom prst="rect">
            <a:avLst/>
          </a:prstGeom>
          <a:solidFill>
            <a:schemeClr val="bg1">
              <a:lumMod val="95000"/>
            </a:schemeClr>
          </a:solidFill>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US"/>
          </a:p>
        </p:txBody>
      </p:sp>
      <p:sp>
        <p:nvSpPr>
          <p:cNvPr id="4" name="Text Placeholder 3">
            <a:extLst>
              <a:ext uri="{FF2B5EF4-FFF2-40B4-BE49-F238E27FC236}">
                <a16:creationId xmlns:a16="http://schemas.microsoft.com/office/drawing/2014/main" id="{F2B5FF39-8872-C845-ADE0-55BA0616A7D2}"/>
              </a:ext>
            </a:extLst>
          </p:cNvPr>
          <p:cNvSpPr>
            <a:spLocks noGrp="1"/>
          </p:cNvSpPr>
          <p:nvPr>
            <p:ph type="body" sz="half" idx="2"/>
          </p:nvPr>
        </p:nvSpPr>
        <p:spPr>
          <a:xfrm>
            <a:off x="477519" y="2057400"/>
            <a:ext cx="4233026" cy="3811588"/>
          </a:xfrm>
          <a:prstGeom prst="rect">
            <a:avLst/>
          </a:prstGeom>
        </p:spPr>
        <p:txBody>
          <a:bodyPr/>
          <a:lstStyle>
            <a:lvl1pPr marL="0" indent="0">
              <a:buNone/>
              <a:defRPr sz="18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8" name="Footer Placeholder 3">
            <a:extLst>
              <a:ext uri="{FF2B5EF4-FFF2-40B4-BE49-F238E27FC236}">
                <a16:creationId xmlns:a16="http://schemas.microsoft.com/office/drawing/2014/main" id="{BFBD924D-74DB-864F-8096-3066753CB359}"/>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9" name="Slide Number Placeholder 4">
            <a:extLst>
              <a:ext uri="{FF2B5EF4-FFF2-40B4-BE49-F238E27FC236}">
                <a16:creationId xmlns:a16="http://schemas.microsoft.com/office/drawing/2014/main" id="{518FA93D-DD20-1140-A28E-3322E2C1DA80}"/>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0" name="Picture 9">
            <a:extLst>
              <a:ext uri="{FF2B5EF4-FFF2-40B4-BE49-F238E27FC236}">
                <a16:creationId xmlns:a16="http://schemas.microsoft.com/office/drawing/2014/main" id="{9317CB10-9ECB-F149-BB88-B63489CD307A}"/>
              </a:ext>
            </a:extLst>
          </p:cNvPr>
          <p:cNvPicPr>
            <a:picLocks noChangeAspect="1"/>
          </p:cNvPicPr>
          <p:nvPr userDrawn="1"/>
        </p:nvPicPr>
        <p:blipFill>
          <a:blip r:embed="rId2" cstate="screen">
            <a:extLst>
              <a:ext uri="{28A0092B-C50C-407E-A947-70E740481C1C}">
                <a14:useLocalDpi xmlns:a14="http://schemas.microsoft.com/office/drawing/2010/main" val="0"/>
              </a:ext>
            </a:extLst>
          </a:blip>
          <a:stretch>
            <a:fillRect/>
          </a:stretch>
        </p:blipFill>
        <p:spPr>
          <a:xfrm>
            <a:off x="571500" y="5866525"/>
            <a:ext cx="1375997" cy="489825"/>
          </a:xfrm>
          <a:prstGeom prst="rect">
            <a:avLst/>
          </a:prstGeom>
        </p:spPr>
      </p:pic>
    </p:spTree>
    <p:extLst>
      <p:ext uri="{BB962C8B-B14F-4D97-AF65-F5344CB8AC3E}">
        <p14:creationId xmlns:p14="http://schemas.microsoft.com/office/powerpoint/2010/main" val="3783355640"/>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hank You">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AD08D12-A34A-234E-BF37-02BF05983A3B}"/>
              </a:ext>
            </a:extLst>
          </p:cNvPr>
          <p:cNvSpPr/>
          <p:nvPr userDrawn="1"/>
        </p:nvSpPr>
        <p:spPr>
          <a:xfrm>
            <a:off x="0" y="0"/>
            <a:ext cx="12192000" cy="685800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0D2E1644-5C2B-1C45-8946-0F9F67AD96D3}"/>
              </a:ext>
            </a:extLst>
          </p:cNvPr>
          <p:cNvSpPr>
            <a:spLocks noGrp="1"/>
          </p:cNvSpPr>
          <p:nvPr>
            <p:ph type="ctrTitle" hasCustomPrompt="1"/>
          </p:nvPr>
        </p:nvSpPr>
        <p:spPr>
          <a:xfrm>
            <a:off x="477519" y="1628378"/>
            <a:ext cx="11174154" cy="2507528"/>
          </a:xfrm>
        </p:spPr>
        <p:txBody>
          <a:bodyPr anchor="b">
            <a:normAutofit/>
          </a:bodyPr>
          <a:lstStyle>
            <a:lvl1pPr algn="l">
              <a:defRPr sz="8000">
                <a:solidFill>
                  <a:schemeClr val="accent2"/>
                </a:solidFill>
              </a:defRPr>
            </a:lvl1pPr>
          </a:lstStyle>
          <a:p>
            <a:r>
              <a:rPr lang="en-US" dirty="0"/>
              <a:t> </a:t>
            </a:r>
          </a:p>
        </p:txBody>
      </p:sp>
      <p:pic>
        <p:nvPicPr>
          <p:cNvPr id="7" name="Picture 6">
            <a:extLst>
              <a:ext uri="{FF2B5EF4-FFF2-40B4-BE49-F238E27FC236}">
                <a16:creationId xmlns:a16="http://schemas.microsoft.com/office/drawing/2014/main" id="{E26F1804-74D9-E347-A8AC-308181C15E85}"/>
              </a:ext>
            </a:extLst>
          </p:cNvPr>
          <p:cNvPicPr>
            <a:picLocks noChangeAspect="1"/>
          </p:cNvPicPr>
          <p:nvPr userDrawn="1"/>
        </p:nvPicPr>
        <p:blipFill>
          <a:blip r:embed="rId2" cstate="screen">
            <a:extLst>
              <a:ext uri="{28A0092B-C50C-407E-A947-70E740481C1C}">
                <a14:useLocalDpi xmlns:a14="http://schemas.microsoft.com/office/drawing/2010/main" val="0"/>
              </a:ext>
            </a:extLst>
          </a:blip>
          <a:srcRect/>
          <a:stretch/>
        </p:blipFill>
        <p:spPr>
          <a:xfrm>
            <a:off x="571499" y="5866525"/>
            <a:ext cx="1375997" cy="488619"/>
          </a:xfrm>
          <a:prstGeom prst="rect">
            <a:avLst/>
          </a:prstGeom>
        </p:spPr>
      </p:pic>
      <p:sp>
        <p:nvSpPr>
          <p:cNvPr id="8" name="Footer Placeholder 2">
            <a:extLst>
              <a:ext uri="{FF2B5EF4-FFF2-40B4-BE49-F238E27FC236}">
                <a16:creationId xmlns:a16="http://schemas.microsoft.com/office/drawing/2014/main" id="{23052065-63DD-4C43-8705-C4965ABA612C}"/>
              </a:ext>
            </a:extLst>
          </p:cNvPr>
          <p:cNvSpPr>
            <a:spLocks noGrp="1"/>
          </p:cNvSpPr>
          <p:nvPr>
            <p:ph type="ftr" sz="quarter" idx="11"/>
          </p:nvPr>
        </p:nvSpPr>
        <p:spPr>
          <a:xfrm>
            <a:off x="477518" y="6393928"/>
            <a:ext cx="9418321" cy="382792"/>
          </a:xfrm>
        </p:spPr>
        <p:txBody>
          <a:bodyPr/>
          <a:lstStyle>
            <a:lvl1pPr>
              <a:defRPr sz="700">
                <a:solidFill>
                  <a:schemeClr val="bg1"/>
                </a:solidFill>
              </a:defRPr>
            </a:lvl1pPr>
          </a:lstStyle>
          <a:p>
            <a:r>
              <a:rPr lang="en-US"/>
              <a:t>ODP and ODP Business Solutions are trademarks of ODP Business Solutions, LLC.  Office Depot is a trademark of The Office Club, Inc. © 2022 ODP Business Solutions, LLC. All rights reserved.</a:t>
            </a:r>
          </a:p>
        </p:txBody>
      </p:sp>
    </p:spTree>
    <p:extLst>
      <p:ext uri="{BB962C8B-B14F-4D97-AF65-F5344CB8AC3E}">
        <p14:creationId xmlns:p14="http://schemas.microsoft.com/office/powerpoint/2010/main" val="59555075"/>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C2D3F23B-1687-A14D-AB18-BDCED0DB03E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0" y="1"/>
            <a:ext cx="12224254" cy="6858000"/>
          </a:xfrm>
          <a:prstGeom prst="rect">
            <a:avLst/>
          </a:prstGeom>
        </p:spPr>
      </p:pic>
      <p:sp>
        <p:nvSpPr>
          <p:cNvPr id="2" name="Title 1">
            <a:extLst>
              <a:ext uri="{FF2B5EF4-FFF2-40B4-BE49-F238E27FC236}">
                <a16:creationId xmlns:a16="http://schemas.microsoft.com/office/drawing/2014/main" id="{0D2E1644-5C2B-1C45-8946-0F9F67AD96D3}"/>
              </a:ext>
            </a:extLst>
          </p:cNvPr>
          <p:cNvSpPr>
            <a:spLocks noGrp="1"/>
          </p:cNvSpPr>
          <p:nvPr>
            <p:ph type="ctrTitle"/>
          </p:nvPr>
        </p:nvSpPr>
        <p:spPr>
          <a:xfrm>
            <a:off x="477519" y="1949218"/>
            <a:ext cx="4832418" cy="2507528"/>
          </a:xfrm>
        </p:spPr>
        <p:txBody>
          <a:bodyPr anchor="b"/>
          <a:lstStyle>
            <a:lvl1pPr algn="l">
              <a:defRPr sz="6000">
                <a:solidFill>
                  <a:schemeClr val="bg1"/>
                </a:solidFill>
              </a:defRPr>
            </a:lvl1pPr>
          </a:lstStyle>
          <a:p>
            <a:r>
              <a:rPr lang="en-US"/>
              <a:t>Click to edit Master title style</a:t>
            </a:r>
          </a:p>
        </p:txBody>
      </p:sp>
      <p:sp>
        <p:nvSpPr>
          <p:cNvPr id="3" name="Subtitle 2">
            <a:extLst>
              <a:ext uri="{FF2B5EF4-FFF2-40B4-BE49-F238E27FC236}">
                <a16:creationId xmlns:a16="http://schemas.microsoft.com/office/drawing/2014/main" id="{AFC6C600-D097-9C47-94F7-786DC323AA15}"/>
              </a:ext>
            </a:extLst>
          </p:cNvPr>
          <p:cNvSpPr>
            <a:spLocks noGrp="1"/>
          </p:cNvSpPr>
          <p:nvPr>
            <p:ph type="subTitle" idx="1"/>
          </p:nvPr>
        </p:nvSpPr>
        <p:spPr>
          <a:xfrm>
            <a:off x="477519" y="4428893"/>
            <a:ext cx="4832418" cy="1349277"/>
          </a:xfrm>
          <a:prstGeom prst="rect">
            <a:avLst/>
          </a:prstGeom>
        </p:spPr>
        <p:txBody>
          <a:bodyPr/>
          <a:lstStyle>
            <a:lvl1pPr marL="0" indent="0" algn="l">
              <a:buNone/>
              <a:defRPr sz="24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pic>
        <p:nvPicPr>
          <p:cNvPr id="6" name="Picture 5">
            <a:extLst>
              <a:ext uri="{FF2B5EF4-FFF2-40B4-BE49-F238E27FC236}">
                <a16:creationId xmlns:a16="http://schemas.microsoft.com/office/drawing/2014/main" id="{2C8FA0CA-379A-4E47-B606-B9585FB587A2}"/>
              </a:ext>
            </a:extLst>
          </p:cNvPr>
          <p:cNvPicPr>
            <a:picLocks noChangeAspect="1"/>
          </p:cNvPicPr>
          <p:nvPr userDrawn="1"/>
        </p:nvPicPr>
        <p:blipFill>
          <a:blip r:embed="rId3" cstate="screen">
            <a:extLst>
              <a:ext uri="{28A0092B-C50C-407E-A947-70E740481C1C}">
                <a14:useLocalDpi xmlns:a14="http://schemas.microsoft.com/office/drawing/2010/main"/>
              </a:ext>
            </a:extLst>
          </a:blip>
          <a:srcRect/>
          <a:stretch/>
        </p:blipFill>
        <p:spPr>
          <a:xfrm>
            <a:off x="9618328" y="2951748"/>
            <a:ext cx="2031985" cy="721562"/>
          </a:xfrm>
          <a:prstGeom prst="rect">
            <a:avLst/>
          </a:prstGeom>
        </p:spPr>
      </p:pic>
    </p:spTree>
    <p:extLst>
      <p:ext uri="{BB962C8B-B14F-4D97-AF65-F5344CB8AC3E}">
        <p14:creationId xmlns:p14="http://schemas.microsoft.com/office/powerpoint/2010/main" val="277823640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3">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C2D3F23B-1687-A14D-AB18-BDCED0DB03EF}"/>
              </a:ext>
            </a:extLst>
          </p:cNvPr>
          <p:cNvPicPr>
            <a:picLocks noChangeAspect="1"/>
          </p:cNvPicPr>
          <p:nvPr userDrawn="1"/>
        </p:nvPicPr>
        <p:blipFill>
          <a:blip r:embed="rId2" cstate="screen">
            <a:extLst>
              <a:ext uri="{28A0092B-C50C-407E-A947-70E740481C1C}">
                <a14:useLocalDpi xmlns:a14="http://schemas.microsoft.com/office/drawing/2010/main" val="0"/>
              </a:ext>
            </a:extLst>
          </a:blip>
          <a:srcRect/>
          <a:stretch/>
        </p:blipFill>
        <p:spPr>
          <a:xfrm>
            <a:off x="0" y="1"/>
            <a:ext cx="12224254" cy="6858000"/>
          </a:xfrm>
          <a:prstGeom prst="rect">
            <a:avLst/>
          </a:prstGeom>
        </p:spPr>
      </p:pic>
      <p:sp>
        <p:nvSpPr>
          <p:cNvPr id="2" name="Title 1">
            <a:extLst>
              <a:ext uri="{FF2B5EF4-FFF2-40B4-BE49-F238E27FC236}">
                <a16:creationId xmlns:a16="http://schemas.microsoft.com/office/drawing/2014/main" id="{0D2E1644-5C2B-1C45-8946-0F9F67AD96D3}"/>
              </a:ext>
            </a:extLst>
          </p:cNvPr>
          <p:cNvSpPr>
            <a:spLocks noGrp="1"/>
          </p:cNvSpPr>
          <p:nvPr>
            <p:ph type="ctrTitle"/>
          </p:nvPr>
        </p:nvSpPr>
        <p:spPr>
          <a:xfrm>
            <a:off x="4748462" y="1453342"/>
            <a:ext cx="2759243" cy="2507528"/>
          </a:xfrm>
        </p:spPr>
        <p:txBody>
          <a:bodyPr anchor="b">
            <a:normAutofit/>
          </a:bodyPr>
          <a:lstStyle>
            <a:lvl1pPr algn="ctr">
              <a:defRPr sz="3200">
                <a:solidFill>
                  <a:schemeClr val="bg1"/>
                </a:solidFill>
              </a:defRPr>
            </a:lvl1pPr>
          </a:lstStyle>
          <a:p>
            <a:r>
              <a:rPr lang="en-US"/>
              <a:t>Click to edit Master title style</a:t>
            </a:r>
          </a:p>
        </p:txBody>
      </p:sp>
      <p:sp>
        <p:nvSpPr>
          <p:cNvPr id="3" name="Subtitle 2">
            <a:extLst>
              <a:ext uri="{FF2B5EF4-FFF2-40B4-BE49-F238E27FC236}">
                <a16:creationId xmlns:a16="http://schemas.microsoft.com/office/drawing/2014/main" id="{AFC6C600-D097-9C47-94F7-786DC323AA15}"/>
              </a:ext>
            </a:extLst>
          </p:cNvPr>
          <p:cNvSpPr>
            <a:spLocks noGrp="1"/>
          </p:cNvSpPr>
          <p:nvPr>
            <p:ph type="subTitle" idx="1"/>
          </p:nvPr>
        </p:nvSpPr>
        <p:spPr>
          <a:xfrm>
            <a:off x="4748462" y="4436084"/>
            <a:ext cx="2759243" cy="1349277"/>
          </a:xfrm>
          <a:prstGeom prst="rect">
            <a:avLst/>
          </a:prstGeom>
        </p:spPr>
        <p:txBody>
          <a:bodyPr/>
          <a:lstStyle>
            <a:lvl1pPr marL="0" indent="0" algn="ctr">
              <a:buNone/>
              <a:defRPr sz="24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pic>
        <p:nvPicPr>
          <p:cNvPr id="9" name="Picture 8">
            <a:extLst>
              <a:ext uri="{FF2B5EF4-FFF2-40B4-BE49-F238E27FC236}">
                <a16:creationId xmlns:a16="http://schemas.microsoft.com/office/drawing/2014/main" id="{CC6F27E0-1B29-8643-B245-3ACB95D9EDF7}"/>
              </a:ext>
            </a:extLst>
          </p:cNvPr>
          <p:cNvPicPr>
            <a:picLocks noChangeAspect="1"/>
          </p:cNvPicPr>
          <p:nvPr userDrawn="1"/>
        </p:nvPicPr>
        <p:blipFill>
          <a:blip r:embed="rId3" cstate="screen">
            <a:extLst>
              <a:ext uri="{28A0092B-C50C-407E-A947-70E740481C1C}">
                <a14:useLocalDpi xmlns:a14="http://schemas.microsoft.com/office/drawing/2010/main" val="0"/>
              </a:ext>
            </a:extLst>
          </a:blip>
          <a:srcRect/>
          <a:stretch/>
        </p:blipFill>
        <p:spPr>
          <a:xfrm>
            <a:off x="571499" y="5866525"/>
            <a:ext cx="1375997" cy="488619"/>
          </a:xfrm>
          <a:prstGeom prst="rect">
            <a:avLst/>
          </a:prstGeom>
        </p:spPr>
      </p:pic>
    </p:spTree>
    <p:extLst>
      <p:ext uri="{BB962C8B-B14F-4D97-AF65-F5344CB8AC3E}">
        <p14:creationId xmlns:p14="http://schemas.microsoft.com/office/powerpoint/2010/main" val="362231938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Slide #2">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C2D3F23B-1687-A14D-AB18-BDCED0DB03E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0" y="1"/>
            <a:ext cx="12224254" cy="6858000"/>
          </a:xfrm>
          <a:prstGeom prst="rect">
            <a:avLst/>
          </a:prstGeom>
        </p:spPr>
      </p:pic>
      <p:sp>
        <p:nvSpPr>
          <p:cNvPr id="2" name="Title 1">
            <a:extLst>
              <a:ext uri="{FF2B5EF4-FFF2-40B4-BE49-F238E27FC236}">
                <a16:creationId xmlns:a16="http://schemas.microsoft.com/office/drawing/2014/main" id="{0D2E1644-5C2B-1C45-8946-0F9F67AD96D3}"/>
              </a:ext>
            </a:extLst>
          </p:cNvPr>
          <p:cNvSpPr>
            <a:spLocks noGrp="1"/>
          </p:cNvSpPr>
          <p:nvPr>
            <p:ph type="ctrTitle"/>
          </p:nvPr>
        </p:nvSpPr>
        <p:spPr>
          <a:xfrm>
            <a:off x="477519" y="1949218"/>
            <a:ext cx="4832418" cy="2507528"/>
          </a:xfrm>
        </p:spPr>
        <p:txBody>
          <a:bodyPr anchor="b"/>
          <a:lstStyle>
            <a:lvl1pPr algn="l">
              <a:defRPr sz="6000">
                <a:solidFill>
                  <a:schemeClr val="bg1"/>
                </a:solidFill>
              </a:defRPr>
            </a:lvl1pPr>
          </a:lstStyle>
          <a:p>
            <a:r>
              <a:rPr lang="en-US"/>
              <a:t>Click to edit Master title style</a:t>
            </a:r>
          </a:p>
        </p:txBody>
      </p:sp>
      <p:sp>
        <p:nvSpPr>
          <p:cNvPr id="3" name="Subtitle 2">
            <a:extLst>
              <a:ext uri="{FF2B5EF4-FFF2-40B4-BE49-F238E27FC236}">
                <a16:creationId xmlns:a16="http://schemas.microsoft.com/office/drawing/2014/main" id="{AFC6C600-D097-9C47-94F7-786DC323AA15}"/>
              </a:ext>
            </a:extLst>
          </p:cNvPr>
          <p:cNvSpPr>
            <a:spLocks noGrp="1"/>
          </p:cNvSpPr>
          <p:nvPr>
            <p:ph type="subTitle" idx="1"/>
          </p:nvPr>
        </p:nvSpPr>
        <p:spPr>
          <a:xfrm>
            <a:off x="477519" y="4428893"/>
            <a:ext cx="4832418" cy="1349277"/>
          </a:xfrm>
          <a:prstGeom prst="rect">
            <a:avLst/>
          </a:prstGeom>
        </p:spPr>
        <p:txBody>
          <a:bodyPr/>
          <a:lstStyle>
            <a:lvl1pPr marL="0" indent="0" algn="l">
              <a:buNone/>
              <a:defRPr sz="24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pic>
        <p:nvPicPr>
          <p:cNvPr id="9" name="Picture 8">
            <a:extLst>
              <a:ext uri="{FF2B5EF4-FFF2-40B4-BE49-F238E27FC236}">
                <a16:creationId xmlns:a16="http://schemas.microsoft.com/office/drawing/2014/main" id="{0D5FCB62-C14D-C145-8E90-CD0CB43BE974}"/>
              </a:ext>
            </a:extLst>
          </p:cNvPr>
          <p:cNvPicPr>
            <a:picLocks noChangeAspect="1"/>
          </p:cNvPicPr>
          <p:nvPr userDrawn="1"/>
        </p:nvPicPr>
        <p:blipFill>
          <a:blip r:embed="rId3" cstate="screen">
            <a:extLst>
              <a:ext uri="{28A0092B-C50C-407E-A947-70E740481C1C}">
                <a14:useLocalDpi xmlns:a14="http://schemas.microsoft.com/office/drawing/2010/main"/>
              </a:ext>
            </a:extLst>
          </a:blip>
          <a:srcRect/>
          <a:stretch/>
        </p:blipFill>
        <p:spPr>
          <a:xfrm>
            <a:off x="8197394" y="2951748"/>
            <a:ext cx="1802079" cy="639922"/>
          </a:xfrm>
          <a:prstGeom prst="rect">
            <a:avLst/>
          </a:prstGeom>
        </p:spPr>
      </p:pic>
    </p:spTree>
    <p:extLst>
      <p:ext uri="{BB962C8B-B14F-4D97-AF65-F5344CB8AC3E}">
        <p14:creationId xmlns:p14="http://schemas.microsoft.com/office/powerpoint/2010/main" val="2963481447"/>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Slide #3">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C2D3F23B-1687-A14D-AB18-BDCED0DB03E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0" y="1"/>
            <a:ext cx="12224254" cy="6858000"/>
          </a:xfrm>
          <a:prstGeom prst="rect">
            <a:avLst/>
          </a:prstGeom>
        </p:spPr>
      </p:pic>
      <p:sp>
        <p:nvSpPr>
          <p:cNvPr id="2" name="Title 1">
            <a:extLst>
              <a:ext uri="{FF2B5EF4-FFF2-40B4-BE49-F238E27FC236}">
                <a16:creationId xmlns:a16="http://schemas.microsoft.com/office/drawing/2014/main" id="{0D2E1644-5C2B-1C45-8946-0F9F67AD96D3}"/>
              </a:ext>
            </a:extLst>
          </p:cNvPr>
          <p:cNvSpPr>
            <a:spLocks noGrp="1"/>
          </p:cNvSpPr>
          <p:nvPr>
            <p:ph type="ctrTitle"/>
          </p:nvPr>
        </p:nvSpPr>
        <p:spPr>
          <a:xfrm>
            <a:off x="4748462" y="1453342"/>
            <a:ext cx="2759243" cy="2507528"/>
          </a:xfrm>
        </p:spPr>
        <p:txBody>
          <a:bodyPr anchor="b">
            <a:normAutofit/>
          </a:bodyPr>
          <a:lstStyle>
            <a:lvl1pPr algn="ctr">
              <a:defRPr sz="3200">
                <a:solidFill>
                  <a:schemeClr val="bg1"/>
                </a:solidFill>
              </a:defRPr>
            </a:lvl1pPr>
          </a:lstStyle>
          <a:p>
            <a:r>
              <a:rPr lang="en-US"/>
              <a:t>Click to edit Master title style</a:t>
            </a:r>
          </a:p>
        </p:txBody>
      </p:sp>
      <p:sp>
        <p:nvSpPr>
          <p:cNvPr id="3" name="Subtitle 2">
            <a:extLst>
              <a:ext uri="{FF2B5EF4-FFF2-40B4-BE49-F238E27FC236}">
                <a16:creationId xmlns:a16="http://schemas.microsoft.com/office/drawing/2014/main" id="{AFC6C600-D097-9C47-94F7-786DC323AA15}"/>
              </a:ext>
            </a:extLst>
          </p:cNvPr>
          <p:cNvSpPr>
            <a:spLocks noGrp="1"/>
          </p:cNvSpPr>
          <p:nvPr>
            <p:ph type="subTitle" idx="1"/>
          </p:nvPr>
        </p:nvSpPr>
        <p:spPr>
          <a:xfrm>
            <a:off x="4748462" y="4436084"/>
            <a:ext cx="2759243" cy="1349277"/>
          </a:xfrm>
          <a:prstGeom prst="rect">
            <a:avLst/>
          </a:prstGeom>
        </p:spPr>
        <p:txBody>
          <a:bodyPr/>
          <a:lstStyle>
            <a:lvl1pPr marL="0" indent="0" algn="ctr">
              <a:buNone/>
              <a:defRPr sz="24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pic>
        <p:nvPicPr>
          <p:cNvPr id="9" name="Picture 8">
            <a:extLst>
              <a:ext uri="{FF2B5EF4-FFF2-40B4-BE49-F238E27FC236}">
                <a16:creationId xmlns:a16="http://schemas.microsoft.com/office/drawing/2014/main" id="{CC6F27E0-1B29-8643-B245-3ACB95D9EDF7}"/>
              </a:ext>
            </a:extLst>
          </p:cNvPr>
          <p:cNvPicPr>
            <a:picLocks noChangeAspect="1"/>
          </p:cNvPicPr>
          <p:nvPr userDrawn="1"/>
        </p:nvPicPr>
        <p:blipFill>
          <a:blip r:embed="rId3" cstate="screen">
            <a:extLst>
              <a:ext uri="{28A0092B-C50C-407E-A947-70E740481C1C}">
                <a14:useLocalDpi xmlns:a14="http://schemas.microsoft.com/office/drawing/2010/main"/>
              </a:ext>
            </a:extLst>
          </a:blip>
          <a:srcRect/>
          <a:stretch/>
        </p:blipFill>
        <p:spPr>
          <a:xfrm>
            <a:off x="571499" y="5866525"/>
            <a:ext cx="1375997" cy="488619"/>
          </a:xfrm>
          <a:prstGeom prst="rect">
            <a:avLst/>
          </a:prstGeom>
        </p:spPr>
      </p:pic>
    </p:spTree>
    <p:extLst>
      <p:ext uri="{BB962C8B-B14F-4D97-AF65-F5344CB8AC3E}">
        <p14:creationId xmlns:p14="http://schemas.microsoft.com/office/powerpoint/2010/main" val="943432225"/>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_Section Header - Blue">
    <p:bg>
      <p:bgPr>
        <a:solidFill>
          <a:schemeClr val="tx1"/>
        </a:solidFill>
        <a:effectLst/>
      </p:bgPr>
    </p:bg>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47B053FD-6605-F045-A5E9-280935FAE7FE}"/>
              </a:ext>
            </a:extLst>
          </p:cNvPr>
          <p:cNvPicPr>
            <a:picLocks noChangeAspect="1"/>
          </p:cNvPicPr>
          <p:nvPr userDrawn="1"/>
        </p:nvPicPr>
        <p:blipFill rotWithShape="1">
          <a:blip r:embed="rId2" cstate="screen">
            <a:alphaModFix amt="5000"/>
            <a:extLst>
              <a:ext uri="{28A0092B-C50C-407E-A947-70E740481C1C}">
                <a14:useLocalDpi xmlns:a14="http://schemas.microsoft.com/office/drawing/2010/main"/>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20" y="0"/>
            <a:ext cx="5656253" cy="6857999"/>
          </a:xfrm>
        </p:spPr>
        <p:txBody>
          <a:bodyPr anchor="ctr" anchorCtr="0"/>
          <a:lstStyle>
            <a:lvl1pPr>
              <a:defRPr sz="6000">
                <a:solidFill>
                  <a:schemeClr val="accent2"/>
                </a:solidFill>
              </a:defRPr>
            </a:lvl1pPr>
          </a:lstStyle>
          <a:p>
            <a:r>
              <a:rPr lang="en-US"/>
              <a:t>Click to edit Master title style</a:t>
            </a:r>
          </a:p>
        </p:txBody>
      </p:sp>
      <p:sp>
        <p:nvSpPr>
          <p:cNvPr id="10" name="Content Placeholder 2">
            <a:extLst>
              <a:ext uri="{FF2B5EF4-FFF2-40B4-BE49-F238E27FC236}">
                <a16:creationId xmlns:a16="http://schemas.microsoft.com/office/drawing/2014/main" id="{2696754F-FC55-B04A-8322-74652F00ABB8}"/>
              </a:ext>
            </a:extLst>
          </p:cNvPr>
          <p:cNvSpPr>
            <a:spLocks noGrp="1"/>
          </p:cNvSpPr>
          <p:nvPr>
            <p:ph sz="half" idx="1"/>
          </p:nvPr>
        </p:nvSpPr>
        <p:spPr>
          <a:xfrm>
            <a:off x="6512560" y="0"/>
            <a:ext cx="5201920" cy="6858000"/>
          </a:xfrm>
          <a:prstGeom prst="rect">
            <a:avLst/>
          </a:prstGeom>
        </p:spPr>
        <p:txBody>
          <a:bodyPr anchor="ctr" anchorCtr="0"/>
          <a:lstStyle>
            <a:lvl1pPr marL="9525" indent="0">
              <a:lnSpc>
                <a:spcPct val="110000"/>
              </a:lnSpc>
              <a:spcBef>
                <a:spcPts val="0"/>
              </a:spcBef>
              <a:buNone/>
              <a:tabLst/>
              <a:defRPr sz="1800">
                <a:solidFill>
                  <a:schemeClr val="bg1"/>
                </a:solidFill>
              </a:defRPr>
            </a:lvl1pPr>
            <a:lvl2pPr marL="171450" indent="-161925">
              <a:lnSpc>
                <a:spcPct val="110000"/>
              </a:lnSpc>
              <a:spcBef>
                <a:spcPts val="0"/>
              </a:spcBef>
              <a:tabLst/>
              <a:defRPr sz="1800">
                <a:solidFill>
                  <a:schemeClr val="bg1"/>
                </a:solidFill>
              </a:defRPr>
            </a:lvl2pPr>
            <a:lvl3pPr marL="344488" indent="-173038">
              <a:lnSpc>
                <a:spcPct val="110000"/>
              </a:lnSpc>
              <a:spcBef>
                <a:spcPts val="0"/>
              </a:spcBef>
              <a:buFont typeface="System Font Regular"/>
              <a:buChar char="−"/>
              <a:tabLst/>
              <a:defRPr sz="1600">
                <a:solidFill>
                  <a:schemeClr val="bg1"/>
                </a:solidFill>
              </a:defRPr>
            </a:lvl3pPr>
            <a:lvl4pPr marL="466725" indent="-122238">
              <a:lnSpc>
                <a:spcPct val="110000"/>
              </a:lnSpc>
              <a:spcBef>
                <a:spcPts val="0"/>
              </a:spcBef>
              <a:buFont typeface="System Font Regular"/>
              <a:buChar char="-"/>
              <a:tabLst/>
              <a:defRPr sz="1600">
                <a:solidFill>
                  <a:schemeClr val="bg1"/>
                </a:solidFill>
              </a:defRPr>
            </a:lvl4pPr>
            <a:lvl5pPr marL="577850" indent="-111125">
              <a:lnSpc>
                <a:spcPct val="110000"/>
              </a:lnSpc>
              <a:spcBef>
                <a:spcPts val="0"/>
              </a:spcBef>
              <a:buFont typeface="System Font Regular"/>
              <a:buChar char="◦"/>
              <a:tabLst/>
              <a:defRPr sz="16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pic>
        <p:nvPicPr>
          <p:cNvPr id="11" name="Picture 10">
            <a:extLst>
              <a:ext uri="{FF2B5EF4-FFF2-40B4-BE49-F238E27FC236}">
                <a16:creationId xmlns:a16="http://schemas.microsoft.com/office/drawing/2014/main" id="{92FC3923-F859-C24B-8B0E-E1EF764DAD24}"/>
              </a:ext>
            </a:extLst>
          </p:cNvPr>
          <p:cNvPicPr>
            <a:picLocks noChangeAspect="1"/>
          </p:cNvPicPr>
          <p:nvPr userDrawn="1"/>
        </p:nvPicPr>
        <p:blipFill>
          <a:blip r:embed="rId3" cstate="screen">
            <a:extLst>
              <a:ext uri="{28A0092B-C50C-407E-A947-70E740481C1C}">
                <a14:useLocalDpi xmlns:a14="http://schemas.microsoft.com/office/drawing/2010/main"/>
              </a:ext>
            </a:extLst>
          </a:blip>
          <a:srcRect/>
          <a:stretch/>
        </p:blipFill>
        <p:spPr>
          <a:xfrm>
            <a:off x="571499" y="5866525"/>
            <a:ext cx="1375997" cy="488619"/>
          </a:xfrm>
          <a:prstGeom prst="rect">
            <a:avLst/>
          </a:prstGeom>
        </p:spPr>
      </p:pic>
      <p:sp>
        <p:nvSpPr>
          <p:cNvPr id="12" name="Footer Placeholder 3">
            <a:extLst>
              <a:ext uri="{FF2B5EF4-FFF2-40B4-BE49-F238E27FC236}">
                <a16:creationId xmlns:a16="http://schemas.microsoft.com/office/drawing/2014/main" id="{60A960D0-44A9-2144-A31F-3C7C625ED01E}"/>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3" name="Slide Number Placeholder 4">
            <a:extLst>
              <a:ext uri="{FF2B5EF4-FFF2-40B4-BE49-F238E27FC236}">
                <a16:creationId xmlns:a16="http://schemas.microsoft.com/office/drawing/2014/main" id="{096F421B-41FA-454D-9B2B-1E25E40E8511}"/>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425226324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type="secHead" preserve="1">
  <p:cSld name="2_Section Header - Blue">
    <p:bg>
      <p:bgPr>
        <a:solidFill>
          <a:schemeClr val="tx1"/>
        </a:solidFill>
        <a:effectLst/>
      </p:bgPr>
    </p:bg>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2FED8407-5C14-C54C-8E21-EE30525E24A2}"/>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571499" y="5866525"/>
            <a:ext cx="1375997" cy="488619"/>
          </a:xfrm>
          <a:prstGeom prst="rect">
            <a:avLst/>
          </a:prstGeom>
        </p:spPr>
      </p:pic>
      <p:pic>
        <p:nvPicPr>
          <p:cNvPr id="8" name="Picture 7">
            <a:extLst>
              <a:ext uri="{FF2B5EF4-FFF2-40B4-BE49-F238E27FC236}">
                <a16:creationId xmlns:a16="http://schemas.microsoft.com/office/drawing/2014/main" id="{47B053FD-6605-F045-A5E9-280935FAE7FE}"/>
              </a:ext>
            </a:extLst>
          </p:cNvPr>
          <p:cNvPicPr>
            <a:picLocks noChangeAspect="1"/>
          </p:cNvPicPr>
          <p:nvPr userDrawn="1"/>
        </p:nvPicPr>
        <p:blipFill rotWithShape="1">
          <a:blip r:embed="rId3" cstate="screen">
            <a:alphaModFix amt="5000"/>
            <a:extLst>
              <a:ext uri="{28A0092B-C50C-407E-A947-70E740481C1C}">
                <a14:useLocalDpi xmlns:a14="http://schemas.microsoft.com/office/drawing/2010/main"/>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19" y="1133269"/>
            <a:ext cx="11277599" cy="2852737"/>
          </a:xfrm>
        </p:spPr>
        <p:txBody>
          <a:bodyPr anchor="b"/>
          <a:lstStyle>
            <a:lvl1pPr>
              <a:defRPr sz="6000">
                <a:solidFill>
                  <a:schemeClr val="accent2"/>
                </a:solidFill>
              </a:defRPr>
            </a:lvl1pPr>
          </a:lstStyle>
          <a:p>
            <a:r>
              <a:rPr lang="en-US"/>
              <a:t>Click to edit Master title style</a:t>
            </a:r>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477519" y="4012994"/>
            <a:ext cx="11277599" cy="1500187"/>
          </a:xfrm>
          <a:prstGeom prst="rect">
            <a:avLst/>
          </a:prstGeom>
        </p:spPr>
        <p:txBody>
          <a:bodyPr/>
          <a:lstStyle>
            <a:lvl1pPr marL="0" indent="0">
              <a:buNone/>
              <a:defRPr sz="2400">
                <a:solidFill>
                  <a:schemeClr val="accent2"/>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11" name="Footer Placeholder 3">
            <a:extLst>
              <a:ext uri="{FF2B5EF4-FFF2-40B4-BE49-F238E27FC236}">
                <a16:creationId xmlns:a16="http://schemas.microsoft.com/office/drawing/2014/main" id="{3D457411-35B4-B54D-92F3-75D60B2F7A79}"/>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2" name="Slide Number Placeholder 4">
            <a:extLst>
              <a:ext uri="{FF2B5EF4-FFF2-40B4-BE49-F238E27FC236}">
                <a16:creationId xmlns:a16="http://schemas.microsoft.com/office/drawing/2014/main" id="{9B7573E2-8A02-9B45-9142-7DB7AAF1C1BF}"/>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143603544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type="secHead" preserve="1">
  <p:cSld name="1_Section Header - Yellow">
    <p:bg>
      <p:bgPr>
        <a:solidFill>
          <a:schemeClr val="accent2"/>
        </a:solidFill>
        <a:effectLst/>
      </p:bgPr>
    </p:bg>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25288848-EC9C-2F48-A57E-79DE02F6402D}"/>
              </a:ext>
            </a:extLst>
          </p:cNvPr>
          <p:cNvPicPr>
            <a:picLocks noChangeAspect="1"/>
          </p:cNvPicPr>
          <p:nvPr userDrawn="1"/>
        </p:nvPicPr>
        <p:blipFill rotWithShape="1">
          <a:blip r:embed="rId2" cstate="screen">
            <a:alphaModFix amt="20000"/>
            <a:extLst>
              <a:ext uri="{28A0092B-C50C-407E-A947-70E740481C1C}">
                <a14:useLocalDpi xmlns:a14="http://schemas.microsoft.com/office/drawing/2010/main"/>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20" y="1133269"/>
            <a:ext cx="11277598" cy="2852737"/>
          </a:xfrm>
        </p:spPr>
        <p:txBody>
          <a:bodyPr anchor="b"/>
          <a:lstStyle>
            <a:lvl1pPr>
              <a:defRPr sz="6000">
                <a:solidFill>
                  <a:schemeClr val="tx1"/>
                </a:solidFill>
              </a:defRPr>
            </a:lvl1pPr>
          </a:lstStyle>
          <a:p>
            <a:r>
              <a:rPr lang="en-US"/>
              <a:t>Click to edit Master title style</a:t>
            </a:r>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477520" y="4012994"/>
            <a:ext cx="11277598" cy="1500187"/>
          </a:xfrm>
          <a:prstGeom prst="rect">
            <a:avLst/>
          </a:prstGeom>
        </p:spPr>
        <p:txBody>
          <a:bodyPr/>
          <a:lstStyle>
            <a:lvl1pPr marL="0" indent="0">
              <a:buNone/>
              <a:defRPr sz="240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pic>
        <p:nvPicPr>
          <p:cNvPr id="10" name="Picture 9">
            <a:extLst>
              <a:ext uri="{FF2B5EF4-FFF2-40B4-BE49-F238E27FC236}">
                <a16:creationId xmlns:a16="http://schemas.microsoft.com/office/drawing/2014/main" id="{EE617A3D-E722-A14C-89CA-A2A3E851955C}"/>
              </a:ext>
            </a:extLst>
          </p:cNvPr>
          <p:cNvPicPr>
            <a:picLocks noChangeAspect="1"/>
          </p:cNvPicPr>
          <p:nvPr userDrawn="1"/>
        </p:nvPicPr>
        <p:blipFill>
          <a:blip r:embed="rId3" cstate="screen">
            <a:extLst>
              <a:ext uri="{28A0092B-C50C-407E-A947-70E740481C1C}">
                <a14:useLocalDpi xmlns:a14="http://schemas.microsoft.com/office/drawing/2010/main"/>
              </a:ext>
            </a:extLst>
          </a:blip>
          <a:srcRect/>
          <a:stretch/>
        </p:blipFill>
        <p:spPr>
          <a:xfrm>
            <a:off x="571500" y="5867177"/>
            <a:ext cx="1375996" cy="488619"/>
          </a:xfrm>
          <a:prstGeom prst="rect">
            <a:avLst/>
          </a:prstGeom>
        </p:spPr>
      </p:pic>
      <p:sp>
        <p:nvSpPr>
          <p:cNvPr id="14" name="Footer Placeholder 3">
            <a:extLst>
              <a:ext uri="{FF2B5EF4-FFF2-40B4-BE49-F238E27FC236}">
                <a16:creationId xmlns:a16="http://schemas.microsoft.com/office/drawing/2014/main" id="{6A0338AF-EDA4-FA41-8CF0-68632B398BD5}"/>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accent1"/>
                </a:solidFill>
              </a:rPr>
              <a:t>© 2022 ODP Business Solutions, LLC. All rights reserved.            Confidential</a:t>
            </a:r>
          </a:p>
        </p:txBody>
      </p:sp>
      <p:sp>
        <p:nvSpPr>
          <p:cNvPr id="15" name="Slide Number Placeholder 4">
            <a:extLst>
              <a:ext uri="{FF2B5EF4-FFF2-40B4-BE49-F238E27FC236}">
                <a16:creationId xmlns:a16="http://schemas.microsoft.com/office/drawing/2014/main" id="{ADBFD8AC-6C9A-B348-89A7-7612498C1DC1}"/>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accent1"/>
                </a:solidFill>
              </a:rPr>
              <a:pPr/>
              <a:t>‹#›</a:t>
            </a:fld>
            <a:endParaRPr lang="en-US" sz="700">
              <a:solidFill>
                <a:schemeClr val="accent1"/>
              </a:solidFill>
            </a:endParaRPr>
          </a:p>
        </p:txBody>
      </p:sp>
    </p:spTree>
    <p:extLst>
      <p:ext uri="{BB962C8B-B14F-4D97-AF65-F5344CB8AC3E}">
        <p14:creationId xmlns:p14="http://schemas.microsoft.com/office/powerpoint/2010/main" val="373554970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type="secHead" preserve="1">
  <p:cSld name="Section Header - Light Blue">
    <p:bg>
      <p:bgPr>
        <a:solidFill>
          <a:schemeClr val="accent3"/>
        </a:solidFill>
        <a:effectLst/>
      </p:bgPr>
    </p:bg>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AB01C140-EE70-4B4E-9C2F-27015C405793}"/>
              </a:ext>
            </a:extLst>
          </p:cNvPr>
          <p:cNvPicPr>
            <a:picLocks noChangeAspect="1"/>
          </p:cNvPicPr>
          <p:nvPr userDrawn="1"/>
        </p:nvPicPr>
        <p:blipFill rotWithShape="1">
          <a:blip r:embed="rId2" cstate="screen">
            <a:alphaModFix amt="20000"/>
            <a:extLst>
              <a:ext uri="{28A0092B-C50C-407E-A947-70E740481C1C}">
                <a14:useLocalDpi xmlns:a14="http://schemas.microsoft.com/office/drawing/2010/main"/>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20" y="1133269"/>
            <a:ext cx="11277598" cy="2852737"/>
          </a:xfrm>
        </p:spPr>
        <p:txBody>
          <a:bodyPr anchor="b"/>
          <a:lstStyle>
            <a:lvl1pPr>
              <a:defRPr sz="6000">
                <a:solidFill>
                  <a:schemeClr val="bg1"/>
                </a:solidFill>
              </a:defRPr>
            </a:lvl1pPr>
          </a:lstStyle>
          <a:p>
            <a:r>
              <a:rPr lang="en-US"/>
              <a:t>Click to edit Master title style</a:t>
            </a:r>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477520" y="4012994"/>
            <a:ext cx="11277598" cy="1500187"/>
          </a:xfrm>
          <a:prstGeom prst="rect">
            <a:avLst/>
          </a:prstGeom>
        </p:spPr>
        <p:txBody>
          <a:bodyPr/>
          <a:lstStyle>
            <a:lvl1pPr marL="0" indent="0">
              <a:buNone/>
              <a:defRPr sz="240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pic>
        <p:nvPicPr>
          <p:cNvPr id="8" name="Picture 7">
            <a:extLst>
              <a:ext uri="{FF2B5EF4-FFF2-40B4-BE49-F238E27FC236}">
                <a16:creationId xmlns:a16="http://schemas.microsoft.com/office/drawing/2014/main" id="{470EB394-C007-2749-8586-3ADF225CB9F2}"/>
              </a:ext>
            </a:extLst>
          </p:cNvPr>
          <p:cNvPicPr>
            <a:picLocks noChangeAspect="1"/>
          </p:cNvPicPr>
          <p:nvPr userDrawn="1"/>
        </p:nvPicPr>
        <p:blipFill>
          <a:blip r:embed="rId3" cstate="screen">
            <a:extLst>
              <a:ext uri="{28A0092B-C50C-407E-A947-70E740481C1C}">
                <a14:useLocalDpi xmlns:a14="http://schemas.microsoft.com/office/drawing/2010/main"/>
              </a:ext>
            </a:extLst>
          </a:blip>
          <a:srcRect/>
          <a:stretch/>
        </p:blipFill>
        <p:spPr>
          <a:xfrm>
            <a:off x="571500" y="5866525"/>
            <a:ext cx="1375996" cy="488619"/>
          </a:xfrm>
          <a:prstGeom prst="rect">
            <a:avLst/>
          </a:prstGeom>
        </p:spPr>
      </p:pic>
      <p:sp>
        <p:nvSpPr>
          <p:cNvPr id="11" name="Footer Placeholder 3">
            <a:extLst>
              <a:ext uri="{FF2B5EF4-FFF2-40B4-BE49-F238E27FC236}">
                <a16:creationId xmlns:a16="http://schemas.microsoft.com/office/drawing/2014/main" id="{8B323DA0-3DA2-4645-9872-D4E75E61F5CC}"/>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2" name="Slide Number Placeholder 4">
            <a:extLst>
              <a:ext uri="{FF2B5EF4-FFF2-40B4-BE49-F238E27FC236}">
                <a16:creationId xmlns:a16="http://schemas.microsoft.com/office/drawing/2014/main" id="{C3E3A608-A4BD-6342-BA0F-7A8CF05E8C56}"/>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1256481738"/>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type="secHead" preserve="1">
  <p:cSld name="Section Header - Turquoise">
    <p:bg>
      <p:bgPr>
        <a:solidFill>
          <a:schemeClr val="accent4"/>
        </a:solidFill>
        <a:effectLst/>
      </p:bgPr>
    </p:bg>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A0551808-EAC1-564D-938E-D0239859749B}"/>
              </a:ext>
            </a:extLst>
          </p:cNvPr>
          <p:cNvPicPr>
            <a:picLocks noChangeAspect="1"/>
          </p:cNvPicPr>
          <p:nvPr userDrawn="1"/>
        </p:nvPicPr>
        <p:blipFill rotWithShape="1">
          <a:blip r:embed="rId2" cstate="screen">
            <a:alphaModFix amt="20000"/>
            <a:extLst>
              <a:ext uri="{28A0092B-C50C-407E-A947-70E740481C1C}">
                <a14:useLocalDpi xmlns:a14="http://schemas.microsoft.com/office/drawing/2010/main"/>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20" y="1133269"/>
            <a:ext cx="11277598" cy="2852737"/>
          </a:xfrm>
        </p:spPr>
        <p:txBody>
          <a:bodyPr anchor="b"/>
          <a:lstStyle>
            <a:lvl1pPr>
              <a:defRPr sz="6000">
                <a:solidFill>
                  <a:schemeClr val="bg1"/>
                </a:solidFill>
              </a:defRPr>
            </a:lvl1pPr>
          </a:lstStyle>
          <a:p>
            <a:r>
              <a:rPr lang="en-US"/>
              <a:t>Click to edit Master title style</a:t>
            </a:r>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477520" y="4012994"/>
            <a:ext cx="11277598" cy="1500187"/>
          </a:xfrm>
          <a:prstGeom prst="rect">
            <a:avLst/>
          </a:prstGeom>
        </p:spPr>
        <p:txBody>
          <a:bodyPr/>
          <a:lstStyle>
            <a:lvl1pPr marL="0" indent="0">
              <a:buNone/>
              <a:defRPr sz="240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pic>
        <p:nvPicPr>
          <p:cNvPr id="8" name="Picture 7">
            <a:extLst>
              <a:ext uri="{FF2B5EF4-FFF2-40B4-BE49-F238E27FC236}">
                <a16:creationId xmlns:a16="http://schemas.microsoft.com/office/drawing/2014/main" id="{EF48C579-CF3D-174A-9909-9A2548649712}"/>
              </a:ext>
            </a:extLst>
          </p:cNvPr>
          <p:cNvPicPr>
            <a:picLocks noChangeAspect="1"/>
          </p:cNvPicPr>
          <p:nvPr userDrawn="1"/>
        </p:nvPicPr>
        <p:blipFill>
          <a:blip r:embed="rId3" cstate="screen">
            <a:extLst>
              <a:ext uri="{28A0092B-C50C-407E-A947-70E740481C1C}">
                <a14:useLocalDpi xmlns:a14="http://schemas.microsoft.com/office/drawing/2010/main"/>
              </a:ext>
            </a:extLst>
          </a:blip>
          <a:srcRect/>
          <a:stretch/>
        </p:blipFill>
        <p:spPr>
          <a:xfrm>
            <a:off x="571500" y="5866525"/>
            <a:ext cx="1375996" cy="488619"/>
          </a:xfrm>
          <a:prstGeom prst="rect">
            <a:avLst/>
          </a:prstGeom>
        </p:spPr>
      </p:pic>
      <p:sp>
        <p:nvSpPr>
          <p:cNvPr id="11" name="Footer Placeholder 3">
            <a:extLst>
              <a:ext uri="{FF2B5EF4-FFF2-40B4-BE49-F238E27FC236}">
                <a16:creationId xmlns:a16="http://schemas.microsoft.com/office/drawing/2014/main" id="{360F0DE3-9933-B44D-A9BB-D471FC17FF27}"/>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2" name="Slide Number Placeholder 4">
            <a:extLst>
              <a:ext uri="{FF2B5EF4-FFF2-40B4-BE49-F238E27FC236}">
                <a16:creationId xmlns:a16="http://schemas.microsoft.com/office/drawing/2014/main" id="{E2E0F19A-4ED0-D141-AE31-C9D30E4C917D}"/>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29133500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type="secHead" preserve="1">
  <p:cSld name="Section Header - Red">
    <p:bg>
      <p:bgPr>
        <a:solidFill>
          <a:schemeClr val="accent5"/>
        </a:solidFill>
        <a:effectLst/>
      </p:bgPr>
    </p:bg>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76AE6643-F370-114A-A92F-8DFDFFA0A7E7}"/>
              </a:ext>
            </a:extLst>
          </p:cNvPr>
          <p:cNvPicPr>
            <a:picLocks noChangeAspect="1"/>
          </p:cNvPicPr>
          <p:nvPr userDrawn="1"/>
        </p:nvPicPr>
        <p:blipFill rotWithShape="1">
          <a:blip r:embed="rId2" cstate="screen">
            <a:alphaModFix amt="20000"/>
            <a:extLst>
              <a:ext uri="{28A0092B-C50C-407E-A947-70E740481C1C}">
                <a14:useLocalDpi xmlns:a14="http://schemas.microsoft.com/office/drawing/2010/main"/>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20" y="1133269"/>
            <a:ext cx="11277598" cy="2852737"/>
          </a:xfrm>
        </p:spPr>
        <p:txBody>
          <a:bodyPr anchor="b"/>
          <a:lstStyle>
            <a:lvl1pPr>
              <a:defRPr sz="6000">
                <a:solidFill>
                  <a:schemeClr val="bg1"/>
                </a:solidFill>
              </a:defRPr>
            </a:lvl1pPr>
          </a:lstStyle>
          <a:p>
            <a:r>
              <a:rPr lang="en-US"/>
              <a:t>Click to edit Master title style</a:t>
            </a:r>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477520" y="4012994"/>
            <a:ext cx="11277598" cy="1500187"/>
          </a:xfrm>
          <a:prstGeom prst="rect">
            <a:avLst/>
          </a:prstGeom>
        </p:spPr>
        <p:txBody>
          <a:bodyPr/>
          <a:lstStyle>
            <a:lvl1pPr marL="0" indent="0">
              <a:buNone/>
              <a:defRPr sz="240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pic>
        <p:nvPicPr>
          <p:cNvPr id="9" name="Picture 8">
            <a:extLst>
              <a:ext uri="{FF2B5EF4-FFF2-40B4-BE49-F238E27FC236}">
                <a16:creationId xmlns:a16="http://schemas.microsoft.com/office/drawing/2014/main" id="{94004A6A-46E6-A241-ACF9-3A754D962572}"/>
              </a:ext>
            </a:extLst>
          </p:cNvPr>
          <p:cNvPicPr>
            <a:picLocks noChangeAspect="1"/>
          </p:cNvPicPr>
          <p:nvPr userDrawn="1"/>
        </p:nvPicPr>
        <p:blipFill>
          <a:blip r:embed="rId3" cstate="screen">
            <a:extLst>
              <a:ext uri="{28A0092B-C50C-407E-A947-70E740481C1C}">
                <a14:useLocalDpi xmlns:a14="http://schemas.microsoft.com/office/drawing/2010/main"/>
              </a:ext>
            </a:extLst>
          </a:blip>
          <a:srcRect/>
          <a:stretch/>
        </p:blipFill>
        <p:spPr>
          <a:xfrm>
            <a:off x="571500" y="5866525"/>
            <a:ext cx="1375996" cy="488619"/>
          </a:xfrm>
          <a:prstGeom prst="rect">
            <a:avLst/>
          </a:prstGeom>
        </p:spPr>
      </p:pic>
      <p:sp>
        <p:nvSpPr>
          <p:cNvPr id="8" name="Footer Placeholder 3">
            <a:extLst>
              <a:ext uri="{FF2B5EF4-FFF2-40B4-BE49-F238E27FC236}">
                <a16:creationId xmlns:a16="http://schemas.microsoft.com/office/drawing/2014/main" id="{67B7CB1D-799B-8A42-9028-DBE0066A96DD}"/>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0" name="Slide Number Placeholder 4">
            <a:extLst>
              <a:ext uri="{FF2B5EF4-FFF2-40B4-BE49-F238E27FC236}">
                <a16:creationId xmlns:a16="http://schemas.microsoft.com/office/drawing/2014/main" id="{017C7558-E8D2-FE47-BCF7-4DF22B8D03BE}"/>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1257813203"/>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1_Section Header - Dark Imag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0F3B0D75-2F46-2045-A83E-6A4E14A39F1C}"/>
              </a:ext>
            </a:extLst>
          </p:cNvPr>
          <p:cNvSpPr>
            <a:spLocks noGrp="1"/>
          </p:cNvSpPr>
          <p:nvPr>
            <p:ph type="pic" sz="quarter" idx="13"/>
          </p:nvPr>
        </p:nvSpPr>
        <p:spPr>
          <a:xfrm>
            <a:off x="0" y="0"/>
            <a:ext cx="12192000" cy="6858000"/>
          </a:xfrm>
          <a:prstGeom prst="rect">
            <a:avLst/>
          </a:prstGeom>
          <a:solidFill>
            <a:schemeClr val="bg1">
              <a:lumMod val="95000"/>
            </a:schemeClr>
          </a:solidFill>
        </p:spPr>
        <p:txBody>
          <a:bodyPr/>
          <a:lstStyle>
            <a:lvl1pPr marL="0" indent="0">
              <a:buFontTx/>
              <a:buNone/>
              <a:defRPr/>
            </a:lvl1pPr>
          </a:lstStyle>
          <a:p>
            <a:endParaRPr lang="en-US"/>
          </a:p>
        </p:txBody>
      </p:sp>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390055" y="1428504"/>
            <a:ext cx="3262273" cy="1141000"/>
          </a:xfrm>
        </p:spPr>
        <p:txBody>
          <a:bodyPr anchor="b">
            <a:normAutofit/>
          </a:bodyPr>
          <a:lstStyle>
            <a:lvl1pPr>
              <a:defRPr sz="3200">
                <a:solidFill>
                  <a:schemeClr val="bg1"/>
                </a:solidFill>
              </a:defRPr>
            </a:lvl1pPr>
          </a:lstStyle>
          <a:p>
            <a:endParaRPr lang="en-US"/>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390055" y="2596492"/>
            <a:ext cx="3262273" cy="1500187"/>
          </a:xfrm>
          <a:prstGeom prst="rect">
            <a:avLst/>
          </a:prstGeom>
        </p:spPr>
        <p:txBody>
          <a:bodyPr/>
          <a:lstStyle>
            <a:lvl1pPr marL="0" indent="0">
              <a:buNone/>
              <a:defRPr sz="240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8" name="Footer Placeholder 3">
            <a:extLst>
              <a:ext uri="{FF2B5EF4-FFF2-40B4-BE49-F238E27FC236}">
                <a16:creationId xmlns:a16="http://schemas.microsoft.com/office/drawing/2014/main" id="{B5241581-DE0F-6746-91FF-359C5F562A32}"/>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9" name="Slide Number Placeholder 4">
            <a:extLst>
              <a:ext uri="{FF2B5EF4-FFF2-40B4-BE49-F238E27FC236}">
                <a16:creationId xmlns:a16="http://schemas.microsoft.com/office/drawing/2014/main" id="{C533407A-FDD9-FB4A-B601-7553C099DB38}"/>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0" name="Picture 9">
            <a:extLst>
              <a:ext uri="{FF2B5EF4-FFF2-40B4-BE49-F238E27FC236}">
                <a16:creationId xmlns:a16="http://schemas.microsoft.com/office/drawing/2014/main" id="{59B37109-ACE9-6C49-9051-A32C854DC956}"/>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Tree>
    <p:extLst>
      <p:ext uri="{BB962C8B-B14F-4D97-AF65-F5344CB8AC3E}">
        <p14:creationId xmlns:p14="http://schemas.microsoft.com/office/powerpoint/2010/main" val="3558891304"/>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1_Section Header - Light Image">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A4917A0B-1319-2D46-AE58-4AE564673836}"/>
              </a:ext>
            </a:extLst>
          </p:cNvPr>
          <p:cNvSpPr>
            <a:spLocks noGrp="1"/>
          </p:cNvSpPr>
          <p:nvPr>
            <p:ph type="pic" sz="quarter" idx="13"/>
          </p:nvPr>
        </p:nvSpPr>
        <p:spPr>
          <a:xfrm>
            <a:off x="0" y="0"/>
            <a:ext cx="12192000" cy="6858000"/>
          </a:xfrm>
          <a:prstGeom prst="rect">
            <a:avLst/>
          </a:prstGeom>
          <a:solidFill>
            <a:schemeClr val="bg1">
              <a:lumMod val="95000"/>
            </a:schemeClr>
          </a:solidFill>
        </p:spPr>
        <p:txBody>
          <a:bodyPr/>
          <a:lstStyle>
            <a:lvl1pPr marL="0" indent="0">
              <a:buFontTx/>
              <a:buNone/>
              <a:defRPr/>
            </a:lvl1pPr>
          </a:lstStyle>
          <a:p>
            <a:endParaRPr lang="en-US"/>
          </a:p>
        </p:txBody>
      </p:sp>
      <p:sp>
        <p:nvSpPr>
          <p:cNvPr id="13" name="Title 1">
            <a:extLst>
              <a:ext uri="{FF2B5EF4-FFF2-40B4-BE49-F238E27FC236}">
                <a16:creationId xmlns:a16="http://schemas.microsoft.com/office/drawing/2014/main" id="{76046B63-52E1-BA4C-B448-61D02E52A05A}"/>
              </a:ext>
            </a:extLst>
          </p:cNvPr>
          <p:cNvSpPr>
            <a:spLocks noGrp="1"/>
          </p:cNvSpPr>
          <p:nvPr>
            <p:ph type="title"/>
          </p:nvPr>
        </p:nvSpPr>
        <p:spPr>
          <a:xfrm>
            <a:off x="390055" y="1425042"/>
            <a:ext cx="3262273" cy="1141000"/>
          </a:xfrm>
        </p:spPr>
        <p:txBody>
          <a:bodyPr anchor="b">
            <a:normAutofit/>
          </a:bodyPr>
          <a:lstStyle>
            <a:lvl1pPr>
              <a:defRPr sz="3200">
                <a:solidFill>
                  <a:schemeClr val="tx1"/>
                </a:solidFill>
              </a:defRPr>
            </a:lvl1pPr>
          </a:lstStyle>
          <a:p>
            <a:endParaRPr lang="en-US"/>
          </a:p>
        </p:txBody>
      </p:sp>
      <p:sp>
        <p:nvSpPr>
          <p:cNvPr id="14" name="Text Placeholder 2">
            <a:extLst>
              <a:ext uri="{FF2B5EF4-FFF2-40B4-BE49-F238E27FC236}">
                <a16:creationId xmlns:a16="http://schemas.microsoft.com/office/drawing/2014/main" id="{25027F4C-B7A3-FE45-8BDE-14A37927B210}"/>
              </a:ext>
            </a:extLst>
          </p:cNvPr>
          <p:cNvSpPr>
            <a:spLocks noGrp="1"/>
          </p:cNvSpPr>
          <p:nvPr>
            <p:ph type="body" idx="1"/>
          </p:nvPr>
        </p:nvSpPr>
        <p:spPr>
          <a:xfrm>
            <a:off x="390055" y="2593030"/>
            <a:ext cx="3262273" cy="1500187"/>
          </a:xfrm>
          <a:prstGeom prst="rect">
            <a:avLst/>
          </a:prstGeom>
        </p:spPr>
        <p:txBody>
          <a:bodyPr/>
          <a:lstStyle>
            <a:lvl1pPr marL="0" indent="0">
              <a:buNone/>
              <a:defRPr sz="240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7" name="Footer Placeholder 3">
            <a:extLst>
              <a:ext uri="{FF2B5EF4-FFF2-40B4-BE49-F238E27FC236}">
                <a16:creationId xmlns:a16="http://schemas.microsoft.com/office/drawing/2014/main" id="{FB5F5CD0-AF44-9F4C-9427-7010F8238060}"/>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8" name="Slide Number Placeholder 4">
            <a:extLst>
              <a:ext uri="{FF2B5EF4-FFF2-40B4-BE49-F238E27FC236}">
                <a16:creationId xmlns:a16="http://schemas.microsoft.com/office/drawing/2014/main" id="{06CB66D3-C1E1-C446-B6D9-511499E46350}"/>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9" name="Picture 8">
            <a:extLst>
              <a:ext uri="{FF2B5EF4-FFF2-40B4-BE49-F238E27FC236}">
                <a16:creationId xmlns:a16="http://schemas.microsoft.com/office/drawing/2014/main" id="{80C92DAD-392C-AE42-9137-5288C5D6A27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Tree>
    <p:extLst>
      <p:ext uri="{BB962C8B-B14F-4D97-AF65-F5344CB8AC3E}">
        <p14:creationId xmlns:p14="http://schemas.microsoft.com/office/powerpoint/2010/main" val="76314719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Section Header - Blue">
    <p:bg>
      <p:bgPr>
        <a:solidFill>
          <a:schemeClr val="tx1"/>
        </a:solidFill>
        <a:effectLst/>
      </p:bgPr>
    </p:bg>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47B053FD-6605-F045-A5E9-280935FAE7FE}"/>
              </a:ext>
            </a:extLst>
          </p:cNvPr>
          <p:cNvPicPr>
            <a:picLocks noChangeAspect="1"/>
          </p:cNvPicPr>
          <p:nvPr userDrawn="1"/>
        </p:nvPicPr>
        <p:blipFill rotWithShape="1">
          <a:blip r:embed="rId2" cstate="screen">
            <a:alphaModFix amt="5000"/>
            <a:extLst>
              <a:ext uri="{28A0092B-C50C-407E-A947-70E740481C1C}">
                <a14:useLocalDpi xmlns:a14="http://schemas.microsoft.com/office/drawing/2010/main" val="0"/>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20" y="0"/>
            <a:ext cx="5656253" cy="6857999"/>
          </a:xfrm>
        </p:spPr>
        <p:txBody>
          <a:bodyPr anchor="ctr" anchorCtr="0"/>
          <a:lstStyle>
            <a:lvl1pPr>
              <a:defRPr sz="6000">
                <a:solidFill>
                  <a:schemeClr val="accent2"/>
                </a:solidFill>
              </a:defRPr>
            </a:lvl1pPr>
          </a:lstStyle>
          <a:p>
            <a:r>
              <a:rPr lang="en-US"/>
              <a:t>Click to edit Master title style</a:t>
            </a:r>
          </a:p>
        </p:txBody>
      </p:sp>
      <p:sp>
        <p:nvSpPr>
          <p:cNvPr id="10" name="Content Placeholder 2">
            <a:extLst>
              <a:ext uri="{FF2B5EF4-FFF2-40B4-BE49-F238E27FC236}">
                <a16:creationId xmlns:a16="http://schemas.microsoft.com/office/drawing/2014/main" id="{2696754F-FC55-B04A-8322-74652F00ABB8}"/>
              </a:ext>
            </a:extLst>
          </p:cNvPr>
          <p:cNvSpPr>
            <a:spLocks noGrp="1"/>
          </p:cNvSpPr>
          <p:nvPr>
            <p:ph sz="half" idx="1"/>
          </p:nvPr>
        </p:nvSpPr>
        <p:spPr>
          <a:xfrm>
            <a:off x="6512560" y="0"/>
            <a:ext cx="5201920" cy="6858000"/>
          </a:xfrm>
          <a:prstGeom prst="rect">
            <a:avLst/>
          </a:prstGeom>
        </p:spPr>
        <p:txBody>
          <a:bodyPr anchor="ctr" anchorCtr="0"/>
          <a:lstStyle>
            <a:lvl1pPr marL="9525" indent="0">
              <a:lnSpc>
                <a:spcPct val="110000"/>
              </a:lnSpc>
              <a:spcBef>
                <a:spcPts val="0"/>
              </a:spcBef>
              <a:buNone/>
              <a:tabLst/>
              <a:defRPr sz="1800">
                <a:solidFill>
                  <a:schemeClr val="bg1"/>
                </a:solidFill>
              </a:defRPr>
            </a:lvl1pPr>
            <a:lvl2pPr marL="171450" indent="-161925">
              <a:lnSpc>
                <a:spcPct val="110000"/>
              </a:lnSpc>
              <a:spcBef>
                <a:spcPts val="0"/>
              </a:spcBef>
              <a:tabLst/>
              <a:defRPr sz="1800">
                <a:solidFill>
                  <a:schemeClr val="bg1"/>
                </a:solidFill>
              </a:defRPr>
            </a:lvl2pPr>
            <a:lvl3pPr marL="344488" indent="-173038">
              <a:lnSpc>
                <a:spcPct val="110000"/>
              </a:lnSpc>
              <a:spcBef>
                <a:spcPts val="0"/>
              </a:spcBef>
              <a:buFont typeface="System Font Regular"/>
              <a:buChar char="−"/>
              <a:tabLst/>
              <a:defRPr sz="1600">
                <a:solidFill>
                  <a:schemeClr val="bg1"/>
                </a:solidFill>
              </a:defRPr>
            </a:lvl3pPr>
            <a:lvl4pPr marL="466725" indent="-122238">
              <a:lnSpc>
                <a:spcPct val="110000"/>
              </a:lnSpc>
              <a:spcBef>
                <a:spcPts val="0"/>
              </a:spcBef>
              <a:buFont typeface="System Font Regular"/>
              <a:buChar char="-"/>
              <a:tabLst/>
              <a:defRPr sz="1600">
                <a:solidFill>
                  <a:schemeClr val="bg1"/>
                </a:solidFill>
              </a:defRPr>
            </a:lvl4pPr>
            <a:lvl5pPr marL="577850" indent="-111125">
              <a:lnSpc>
                <a:spcPct val="110000"/>
              </a:lnSpc>
              <a:spcBef>
                <a:spcPts val="0"/>
              </a:spcBef>
              <a:buFont typeface="System Font Regular"/>
              <a:buChar char="◦"/>
              <a:tabLst/>
              <a:defRPr sz="16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pic>
        <p:nvPicPr>
          <p:cNvPr id="11" name="Picture 10">
            <a:extLst>
              <a:ext uri="{FF2B5EF4-FFF2-40B4-BE49-F238E27FC236}">
                <a16:creationId xmlns:a16="http://schemas.microsoft.com/office/drawing/2014/main" id="{92FC3923-F859-C24B-8B0E-E1EF764DAD24}"/>
              </a:ext>
            </a:extLst>
          </p:cNvPr>
          <p:cNvPicPr>
            <a:picLocks noChangeAspect="1"/>
          </p:cNvPicPr>
          <p:nvPr userDrawn="1"/>
        </p:nvPicPr>
        <p:blipFill>
          <a:blip r:embed="rId3" cstate="screen">
            <a:extLst>
              <a:ext uri="{28A0092B-C50C-407E-A947-70E740481C1C}">
                <a14:useLocalDpi xmlns:a14="http://schemas.microsoft.com/office/drawing/2010/main" val="0"/>
              </a:ext>
            </a:extLst>
          </a:blip>
          <a:srcRect/>
          <a:stretch/>
        </p:blipFill>
        <p:spPr>
          <a:xfrm>
            <a:off x="571499" y="5866525"/>
            <a:ext cx="1375997" cy="488619"/>
          </a:xfrm>
          <a:prstGeom prst="rect">
            <a:avLst/>
          </a:prstGeom>
        </p:spPr>
      </p:pic>
      <p:sp>
        <p:nvSpPr>
          <p:cNvPr id="12" name="Footer Placeholder 3">
            <a:extLst>
              <a:ext uri="{FF2B5EF4-FFF2-40B4-BE49-F238E27FC236}">
                <a16:creationId xmlns:a16="http://schemas.microsoft.com/office/drawing/2014/main" id="{60A960D0-44A9-2144-A31F-3C7C625ED01E}"/>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3" name="Slide Number Placeholder 4">
            <a:extLst>
              <a:ext uri="{FF2B5EF4-FFF2-40B4-BE49-F238E27FC236}">
                <a16:creationId xmlns:a16="http://schemas.microsoft.com/office/drawing/2014/main" id="{096F421B-41FA-454D-9B2B-1E25E40E8511}"/>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3540203966"/>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15_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B47269D-5B34-3948-B737-CB05A65C40D9}"/>
              </a:ext>
            </a:extLst>
          </p:cNvPr>
          <p:cNvSpPr>
            <a:spLocks noGrp="1"/>
          </p:cNvSpPr>
          <p:nvPr>
            <p:ph type="title"/>
          </p:nvPr>
        </p:nvSpPr>
        <p:spPr>
          <a:xfrm>
            <a:off x="467359" y="279079"/>
            <a:ext cx="10130203" cy="1325563"/>
          </a:xfrm>
        </p:spPr>
        <p:txBody>
          <a:bodyPr/>
          <a:lstStyle/>
          <a:p>
            <a:r>
              <a:rPr lang="en-US"/>
              <a:t>Click to edit Master title style</a:t>
            </a:r>
          </a:p>
        </p:txBody>
      </p:sp>
      <p:pic>
        <p:nvPicPr>
          <p:cNvPr id="11" name="Picture 10">
            <a:extLst>
              <a:ext uri="{FF2B5EF4-FFF2-40B4-BE49-F238E27FC236}">
                <a16:creationId xmlns:a16="http://schemas.microsoft.com/office/drawing/2014/main" id="{FDDC8655-8946-1A48-B1B4-89F181D4B421}"/>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10815865" y="0"/>
            <a:ext cx="1376135" cy="6858000"/>
          </a:xfrm>
          <a:prstGeom prst="rect">
            <a:avLst/>
          </a:prstGeom>
        </p:spPr>
      </p:pic>
      <p:sp>
        <p:nvSpPr>
          <p:cNvPr id="9" name="Content Placeholder 2">
            <a:extLst>
              <a:ext uri="{FF2B5EF4-FFF2-40B4-BE49-F238E27FC236}">
                <a16:creationId xmlns:a16="http://schemas.microsoft.com/office/drawing/2014/main" id="{16C57BDC-B820-2841-89B2-DCB2B0C12B26}"/>
              </a:ext>
            </a:extLst>
          </p:cNvPr>
          <p:cNvSpPr>
            <a:spLocks noGrp="1"/>
          </p:cNvSpPr>
          <p:nvPr>
            <p:ph sz="half" idx="1"/>
          </p:nvPr>
        </p:nvSpPr>
        <p:spPr>
          <a:xfrm>
            <a:off x="467360" y="1736890"/>
            <a:ext cx="10130202" cy="4004967"/>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Footer Placeholder 3">
            <a:extLst>
              <a:ext uri="{FF2B5EF4-FFF2-40B4-BE49-F238E27FC236}">
                <a16:creationId xmlns:a16="http://schemas.microsoft.com/office/drawing/2014/main" id="{B1D39D88-FC19-B84C-9857-CB9114224042}"/>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0" name="Slide Number Placeholder 4">
            <a:extLst>
              <a:ext uri="{FF2B5EF4-FFF2-40B4-BE49-F238E27FC236}">
                <a16:creationId xmlns:a16="http://schemas.microsoft.com/office/drawing/2014/main" id="{BF61EEFD-A8A2-CD4F-AF1B-AC853D898C3D}"/>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2" name="Picture 11">
            <a:extLst>
              <a:ext uri="{FF2B5EF4-FFF2-40B4-BE49-F238E27FC236}">
                <a16:creationId xmlns:a16="http://schemas.microsoft.com/office/drawing/2014/main" id="{CD057D8C-DBE9-154C-8893-F08F7F8CFEB9}"/>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Tree>
    <p:extLst>
      <p:ext uri="{BB962C8B-B14F-4D97-AF65-F5344CB8AC3E}">
        <p14:creationId xmlns:p14="http://schemas.microsoft.com/office/powerpoint/2010/main" val="1367959893"/>
      </p:ext>
    </p:extLst>
  </p:cSld>
  <p:clrMapOvr>
    <a:masterClrMapping/>
  </p:clrMapOvr>
  <p:extLst>
    <p:ext uri="{DCECCB84-F9BA-43D5-87BE-67443E8EF086}">
      <p15:sldGuideLst xmlns:p15="http://schemas.microsoft.com/office/powerpoint/2012/main">
        <p15:guide id="1" orient="horz" pos="672">
          <p15:clr>
            <a:srgbClr val="FBAE40"/>
          </p15:clr>
        </p15:guide>
        <p15:guide id="2" pos="288">
          <p15:clr>
            <a:srgbClr val="FBAE40"/>
          </p15:clr>
        </p15:guide>
        <p15:guide id="3" orient="horz" pos="1320">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One Content with Imag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7AF9A01-C356-A547-98E1-B474B404D786}"/>
              </a:ext>
            </a:extLst>
          </p:cNvPr>
          <p:cNvSpPr>
            <a:spLocks noGrp="1"/>
          </p:cNvSpPr>
          <p:nvPr>
            <p:ph type="pic" sz="quarter" idx="13"/>
          </p:nvPr>
        </p:nvSpPr>
        <p:spPr>
          <a:xfrm>
            <a:off x="6111240" y="0"/>
            <a:ext cx="6080760" cy="6858000"/>
          </a:xfrm>
          <a:prstGeom prst="rect">
            <a:avLst/>
          </a:prstGeom>
          <a:solidFill>
            <a:schemeClr val="bg1">
              <a:lumMod val="95000"/>
            </a:schemeClr>
          </a:solidFill>
        </p:spPr>
        <p:txBody>
          <a:bodyPr/>
          <a:lstStyle>
            <a:lvl1pPr marL="0" indent="0">
              <a:buNone/>
              <a:defRPr/>
            </a:lvl1pPr>
          </a:lstStyle>
          <a:p>
            <a:endParaRPr lang="en-US"/>
          </a:p>
        </p:txBody>
      </p:sp>
      <p:sp>
        <p:nvSpPr>
          <p:cNvPr id="8" name="Title 1">
            <a:extLst>
              <a:ext uri="{FF2B5EF4-FFF2-40B4-BE49-F238E27FC236}">
                <a16:creationId xmlns:a16="http://schemas.microsoft.com/office/drawing/2014/main" id="{41B122CE-1F7A-7148-A82F-6607B9C65CA7}"/>
              </a:ext>
            </a:extLst>
          </p:cNvPr>
          <p:cNvSpPr>
            <a:spLocks noGrp="1"/>
          </p:cNvSpPr>
          <p:nvPr>
            <p:ph type="title"/>
          </p:nvPr>
        </p:nvSpPr>
        <p:spPr>
          <a:xfrm>
            <a:off x="467360" y="279079"/>
            <a:ext cx="5201920" cy="1325563"/>
          </a:xfrm>
        </p:spPr>
        <p:txBody>
          <a:bodyPr/>
          <a:lstStyle/>
          <a:p>
            <a:r>
              <a:rPr lang="en-US"/>
              <a:t>Click to edit Master title style</a:t>
            </a:r>
          </a:p>
        </p:txBody>
      </p:sp>
      <p:sp>
        <p:nvSpPr>
          <p:cNvPr id="10" name="Footer Placeholder 3">
            <a:extLst>
              <a:ext uri="{FF2B5EF4-FFF2-40B4-BE49-F238E27FC236}">
                <a16:creationId xmlns:a16="http://schemas.microsoft.com/office/drawing/2014/main" id="{919BD236-FACB-0C4D-B594-862195857F39}"/>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2" name="Slide Number Placeholder 4">
            <a:extLst>
              <a:ext uri="{FF2B5EF4-FFF2-40B4-BE49-F238E27FC236}">
                <a16:creationId xmlns:a16="http://schemas.microsoft.com/office/drawing/2014/main" id="{A029AD11-2370-BA4C-9C99-D26E18C592A8}"/>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3" name="Picture 12">
            <a:extLst>
              <a:ext uri="{FF2B5EF4-FFF2-40B4-BE49-F238E27FC236}">
                <a16:creationId xmlns:a16="http://schemas.microsoft.com/office/drawing/2014/main" id="{0DB166A4-83D3-C642-BE99-6F340D1C1FEA}"/>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
        <p:nvSpPr>
          <p:cNvPr id="15" name="Content Placeholder 2">
            <a:extLst>
              <a:ext uri="{FF2B5EF4-FFF2-40B4-BE49-F238E27FC236}">
                <a16:creationId xmlns:a16="http://schemas.microsoft.com/office/drawing/2014/main" id="{6FCEA1DB-EE3F-4F47-B850-43784BCA4E3D}"/>
              </a:ext>
            </a:extLst>
          </p:cNvPr>
          <p:cNvSpPr>
            <a:spLocks noGrp="1"/>
          </p:cNvSpPr>
          <p:nvPr>
            <p:ph sz="half" idx="1"/>
          </p:nvPr>
        </p:nvSpPr>
        <p:spPr>
          <a:xfrm>
            <a:off x="467360" y="1736890"/>
            <a:ext cx="5201920" cy="4004967"/>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23878644"/>
      </p:ext>
    </p:extLst>
  </p:cSld>
  <p:clrMapOvr>
    <a:masterClrMapping/>
  </p:clrMapOvr>
  <p:extLst>
    <p:ext uri="{DCECCB84-F9BA-43D5-87BE-67443E8EF086}">
      <p15:sldGuideLst xmlns:p15="http://schemas.microsoft.com/office/powerpoint/2012/main">
        <p15:guide id="1" orient="horz" pos="1272">
          <p15:clr>
            <a:srgbClr val="FBAE40"/>
          </p15:clr>
        </p15:guide>
        <p15:guide id="2" pos="3840">
          <p15:clr>
            <a:srgbClr val="FBAE40"/>
          </p15:clr>
        </p15:guide>
        <p15:guide id="3" pos="288">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One Content with Stats">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03FBB5EB-31D5-B041-8091-F8F13C700A84}"/>
              </a:ext>
            </a:extLst>
          </p:cNvPr>
          <p:cNvSpPr/>
          <p:nvPr userDrawn="1"/>
        </p:nvSpPr>
        <p:spPr>
          <a:xfrm>
            <a:off x="8763000" y="0"/>
            <a:ext cx="3429000" cy="3429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9C6C61AD-5FCC-CA41-94B2-1E82326262A7}"/>
              </a:ext>
            </a:extLst>
          </p:cNvPr>
          <p:cNvSpPr/>
          <p:nvPr userDrawn="1"/>
        </p:nvSpPr>
        <p:spPr>
          <a:xfrm>
            <a:off x="5334000" y="0"/>
            <a:ext cx="3429000" cy="3429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3A942DC0-4232-9742-AD6A-6F3939EF571F}"/>
              </a:ext>
            </a:extLst>
          </p:cNvPr>
          <p:cNvSpPr/>
          <p:nvPr userDrawn="1"/>
        </p:nvSpPr>
        <p:spPr>
          <a:xfrm>
            <a:off x="8763000" y="3429000"/>
            <a:ext cx="3429000" cy="3429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Rectangle 11">
            <a:extLst>
              <a:ext uri="{FF2B5EF4-FFF2-40B4-BE49-F238E27FC236}">
                <a16:creationId xmlns:a16="http://schemas.microsoft.com/office/drawing/2014/main" id="{1F74DA56-5135-F540-BD53-CD91BB3CF570}"/>
              </a:ext>
            </a:extLst>
          </p:cNvPr>
          <p:cNvSpPr/>
          <p:nvPr userDrawn="1"/>
        </p:nvSpPr>
        <p:spPr>
          <a:xfrm>
            <a:off x="5334000" y="3429000"/>
            <a:ext cx="3429000" cy="3429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1" name="Text Placeholder 16">
            <a:extLst>
              <a:ext uri="{FF2B5EF4-FFF2-40B4-BE49-F238E27FC236}">
                <a16:creationId xmlns:a16="http://schemas.microsoft.com/office/drawing/2014/main" id="{1AB5920E-4BF7-7B4E-9045-F5412BE3B7CB}"/>
              </a:ext>
            </a:extLst>
          </p:cNvPr>
          <p:cNvSpPr>
            <a:spLocks noGrp="1"/>
          </p:cNvSpPr>
          <p:nvPr>
            <p:ph type="body" sz="quarter" idx="13"/>
          </p:nvPr>
        </p:nvSpPr>
        <p:spPr>
          <a:xfrm>
            <a:off x="6005512" y="1966697"/>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32" name="Text Placeholder 16">
            <a:extLst>
              <a:ext uri="{FF2B5EF4-FFF2-40B4-BE49-F238E27FC236}">
                <a16:creationId xmlns:a16="http://schemas.microsoft.com/office/drawing/2014/main" id="{82BBE5B8-8494-A94C-8076-35A619DADE8D}"/>
              </a:ext>
            </a:extLst>
          </p:cNvPr>
          <p:cNvSpPr>
            <a:spLocks noGrp="1"/>
          </p:cNvSpPr>
          <p:nvPr>
            <p:ph type="body" sz="quarter" idx="14" hasCustomPrompt="1"/>
          </p:nvPr>
        </p:nvSpPr>
        <p:spPr>
          <a:xfrm>
            <a:off x="5807869" y="783217"/>
            <a:ext cx="2481263" cy="990601"/>
          </a:xfrm>
          <a:prstGeom prst="rect">
            <a:avLst/>
          </a:prstGeom>
        </p:spPr>
        <p:txBody>
          <a:bodyPr>
            <a:noAutofit/>
          </a:bodyPr>
          <a:lstStyle>
            <a:lvl1pPr marL="0" indent="0" algn="ctr">
              <a:buNone/>
              <a:defRPr sz="8000" b="1">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XX</a:t>
            </a:r>
          </a:p>
        </p:txBody>
      </p:sp>
      <p:sp>
        <p:nvSpPr>
          <p:cNvPr id="33" name="Text Placeholder 16">
            <a:extLst>
              <a:ext uri="{FF2B5EF4-FFF2-40B4-BE49-F238E27FC236}">
                <a16:creationId xmlns:a16="http://schemas.microsoft.com/office/drawing/2014/main" id="{FB417051-E342-8645-A3A6-3B69E3F53F15}"/>
              </a:ext>
            </a:extLst>
          </p:cNvPr>
          <p:cNvSpPr>
            <a:spLocks noGrp="1"/>
          </p:cNvSpPr>
          <p:nvPr>
            <p:ph type="body" sz="quarter" idx="15"/>
          </p:nvPr>
        </p:nvSpPr>
        <p:spPr>
          <a:xfrm>
            <a:off x="9434512" y="1966697"/>
            <a:ext cx="2085976" cy="990601"/>
          </a:xfrm>
          <a:prstGeom prst="rect">
            <a:avLst/>
          </a:prstGeom>
        </p:spPr>
        <p:txBody>
          <a:bodyPr>
            <a:normAutofit/>
          </a:bodyPr>
          <a:lstStyle>
            <a:lvl1pPr marL="0" indent="0" algn="ctr">
              <a:buNone/>
              <a:defRPr sz="1600">
                <a:solidFill>
                  <a:schemeClr val="tx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34" name="Text Placeholder 16">
            <a:extLst>
              <a:ext uri="{FF2B5EF4-FFF2-40B4-BE49-F238E27FC236}">
                <a16:creationId xmlns:a16="http://schemas.microsoft.com/office/drawing/2014/main" id="{F34AADEF-3F31-3C41-9FE4-728DA4253D41}"/>
              </a:ext>
            </a:extLst>
          </p:cNvPr>
          <p:cNvSpPr>
            <a:spLocks noGrp="1"/>
          </p:cNvSpPr>
          <p:nvPr>
            <p:ph type="body" sz="quarter" idx="16" hasCustomPrompt="1"/>
          </p:nvPr>
        </p:nvSpPr>
        <p:spPr>
          <a:xfrm>
            <a:off x="9236869" y="783217"/>
            <a:ext cx="2481263" cy="990601"/>
          </a:xfrm>
          <a:prstGeom prst="rect">
            <a:avLst/>
          </a:prstGeom>
        </p:spPr>
        <p:txBody>
          <a:bodyPr>
            <a:noAutofit/>
          </a:bodyPr>
          <a:lstStyle>
            <a:lvl1pPr marL="0" indent="0" algn="ctr">
              <a:buNone/>
              <a:defRPr sz="8000" b="1">
                <a:solidFill>
                  <a:schemeClr val="tx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XX</a:t>
            </a:r>
          </a:p>
        </p:txBody>
      </p:sp>
      <p:sp>
        <p:nvSpPr>
          <p:cNvPr id="35" name="Text Placeholder 16">
            <a:extLst>
              <a:ext uri="{FF2B5EF4-FFF2-40B4-BE49-F238E27FC236}">
                <a16:creationId xmlns:a16="http://schemas.microsoft.com/office/drawing/2014/main" id="{857D2752-B7F5-0D42-8A4E-779CA30A57A0}"/>
              </a:ext>
            </a:extLst>
          </p:cNvPr>
          <p:cNvSpPr>
            <a:spLocks noGrp="1"/>
          </p:cNvSpPr>
          <p:nvPr>
            <p:ph type="body" sz="quarter" idx="17"/>
          </p:nvPr>
        </p:nvSpPr>
        <p:spPr>
          <a:xfrm>
            <a:off x="6005512" y="5395697"/>
            <a:ext cx="2085976" cy="990601"/>
          </a:xfrm>
          <a:prstGeom prst="rect">
            <a:avLst/>
          </a:prstGeom>
        </p:spPr>
        <p:txBody>
          <a:bodyPr>
            <a:normAutofit/>
          </a:bodyPr>
          <a:lstStyle>
            <a:lvl1pPr marL="0" indent="0" algn="ctr">
              <a:buNone/>
              <a:defRPr sz="1600">
                <a:solidFill>
                  <a:schemeClr val="tx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36" name="Text Placeholder 16">
            <a:extLst>
              <a:ext uri="{FF2B5EF4-FFF2-40B4-BE49-F238E27FC236}">
                <a16:creationId xmlns:a16="http://schemas.microsoft.com/office/drawing/2014/main" id="{FE8056B3-724E-7D41-BED2-7A6052B5B069}"/>
              </a:ext>
            </a:extLst>
          </p:cNvPr>
          <p:cNvSpPr>
            <a:spLocks noGrp="1"/>
          </p:cNvSpPr>
          <p:nvPr>
            <p:ph type="body" sz="quarter" idx="18" hasCustomPrompt="1"/>
          </p:nvPr>
        </p:nvSpPr>
        <p:spPr>
          <a:xfrm>
            <a:off x="5807869" y="4212217"/>
            <a:ext cx="2481263" cy="990601"/>
          </a:xfrm>
          <a:prstGeom prst="rect">
            <a:avLst/>
          </a:prstGeom>
        </p:spPr>
        <p:txBody>
          <a:bodyPr>
            <a:noAutofit/>
          </a:bodyPr>
          <a:lstStyle>
            <a:lvl1pPr marL="0" indent="0" algn="ctr">
              <a:buNone/>
              <a:defRPr sz="8000" b="1">
                <a:solidFill>
                  <a:schemeClr val="tx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XX</a:t>
            </a:r>
          </a:p>
        </p:txBody>
      </p:sp>
      <p:sp>
        <p:nvSpPr>
          <p:cNvPr id="37" name="Text Placeholder 16">
            <a:extLst>
              <a:ext uri="{FF2B5EF4-FFF2-40B4-BE49-F238E27FC236}">
                <a16:creationId xmlns:a16="http://schemas.microsoft.com/office/drawing/2014/main" id="{21E8E488-DF89-8240-ABBD-81633190A18B}"/>
              </a:ext>
            </a:extLst>
          </p:cNvPr>
          <p:cNvSpPr>
            <a:spLocks noGrp="1"/>
          </p:cNvSpPr>
          <p:nvPr>
            <p:ph type="body" sz="quarter" idx="19"/>
          </p:nvPr>
        </p:nvSpPr>
        <p:spPr>
          <a:xfrm>
            <a:off x="9434512" y="5395697"/>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38" name="Text Placeholder 16">
            <a:extLst>
              <a:ext uri="{FF2B5EF4-FFF2-40B4-BE49-F238E27FC236}">
                <a16:creationId xmlns:a16="http://schemas.microsoft.com/office/drawing/2014/main" id="{4C371EE7-422A-0243-9DBE-492972385548}"/>
              </a:ext>
            </a:extLst>
          </p:cNvPr>
          <p:cNvSpPr>
            <a:spLocks noGrp="1"/>
          </p:cNvSpPr>
          <p:nvPr>
            <p:ph type="body" sz="quarter" idx="20" hasCustomPrompt="1"/>
          </p:nvPr>
        </p:nvSpPr>
        <p:spPr>
          <a:xfrm>
            <a:off x="9236869" y="4212217"/>
            <a:ext cx="2481263" cy="990601"/>
          </a:xfrm>
          <a:prstGeom prst="rect">
            <a:avLst/>
          </a:prstGeom>
        </p:spPr>
        <p:txBody>
          <a:bodyPr>
            <a:noAutofit/>
          </a:bodyPr>
          <a:lstStyle>
            <a:lvl1pPr marL="0" indent="0" algn="ctr">
              <a:buNone/>
              <a:defRPr sz="8000" b="1">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XX</a:t>
            </a:r>
          </a:p>
        </p:txBody>
      </p:sp>
      <p:sp>
        <p:nvSpPr>
          <p:cNvPr id="18" name="Title 1">
            <a:extLst>
              <a:ext uri="{FF2B5EF4-FFF2-40B4-BE49-F238E27FC236}">
                <a16:creationId xmlns:a16="http://schemas.microsoft.com/office/drawing/2014/main" id="{E5854C1A-C149-A149-8F5A-0ECDD6FFF259}"/>
              </a:ext>
            </a:extLst>
          </p:cNvPr>
          <p:cNvSpPr>
            <a:spLocks noGrp="1"/>
          </p:cNvSpPr>
          <p:nvPr>
            <p:ph type="title"/>
          </p:nvPr>
        </p:nvSpPr>
        <p:spPr>
          <a:xfrm>
            <a:off x="467360" y="279079"/>
            <a:ext cx="4392772" cy="1325563"/>
          </a:xfrm>
        </p:spPr>
        <p:txBody>
          <a:bodyPr/>
          <a:lstStyle/>
          <a:p>
            <a:r>
              <a:rPr lang="en-US"/>
              <a:t>Click to edit Master title style</a:t>
            </a:r>
          </a:p>
        </p:txBody>
      </p:sp>
      <p:sp>
        <p:nvSpPr>
          <p:cNvPr id="19" name="Footer Placeholder 3">
            <a:extLst>
              <a:ext uri="{FF2B5EF4-FFF2-40B4-BE49-F238E27FC236}">
                <a16:creationId xmlns:a16="http://schemas.microsoft.com/office/drawing/2014/main" id="{A77A1176-20E4-BE4F-B9F5-E66BB1FCDA8E}"/>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21" name="Slide Number Placeholder 4">
            <a:extLst>
              <a:ext uri="{FF2B5EF4-FFF2-40B4-BE49-F238E27FC236}">
                <a16:creationId xmlns:a16="http://schemas.microsoft.com/office/drawing/2014/main" id="{3C1C5FC4-B052-B345-B106-686744B43BFD}"/>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22" name="Picture 21">
            <a:extLst>
              <a:ext uri="{FF2B5EF4-FFF2-40B4-BE49-F238E27FC236}">
                <a16:creationId xmlns:a16="http://schemas.microsoft.com/office/drawing/2014/main" id="{20A6977E-A5BA-CF4C-96C8-996D844309EF}"/>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
        <p:nvSpPr>
          <p:cNvPr id="23" name="Content Placeholder 2">
            <a:extLst>
              <a:ext uri="{FF2B5EF4-FFF2-40B4-BE49-F238E27FC236}">
                <a16:creationId xmlns:a16="http://schemas.microsoft.com/office/drawing/2014/main" id="{66F8D727-FDBD-4142-95E1-1DF9B912C67B}"/>
              </a:ext>
            </a:extLst>
          </p:cNvPr>
          <p:cNvSpPr>
            <a:spLocks noGrp="1"/>
          </p:cNvSpPr>
          <p:nvPr>
            <p:ph sz="half" idx="1"/>
          </p:nvPr>
        </p:nvSpPr>
        <p:spPr>
          <a:xfrm>
            <a:off x="467360" y="1736890"/>
            <a:ext cx="4392771" cy="4004967"/>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500920032"/>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One Content with Icons">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03FBB5EB-31D5-B041-8091-F8F13C700A84}"/>
              </a:ext>
            </a:extLst>
          </p:cNvPr>
          <p:cNvSpPr/>
          <p:nvPr userDrawn="1"/>
        </p:nvSpPr>
        <p:spPr>
          <a:xfrm>
            <a:off x="8763000" y="0"/>
            <a:ext cx="3429000" cy="3429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9C6C61AD-5FCC-CA41-94B2-1E82326262A7}"/>
              </a:ext>
            </a:extLst>
          </p:cNvPr>
          <p:cNvSpPr/>
          <p:nvPr userDrawn="1"/>
        </p:nvSpPr>
        <p:spPr>
          <a:xfrm>
            <a:off x="5334000" y="0"/>
            <a:ext cx="3429000" cy="3429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3A942DC0-4232-9742-AD6A-6F3939EF571F}"/>
              </a:ext>
            </a:extLst>
          </p:cNvPr>
          <p:cNvSpPr/>
          <p:nvPr userDrawn="1"/>
        </p:nvSpPr>
        <p:spPr>
          <a:xfrm>
            <a:off x="8763000" y="3429000"/>
            <a:ext cx="3429000" cy="3429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Rectangle 11">
            <a:extLst>
              <a:ext uri="{FF2B5EF4-FFF2-40B4-BE49-F238E27FC236}">
                <a16:creationId xmlns:a16="http://schemas.microsoft.com/office/drawing/2014/main" id="{1F74DA56-5135-F540-BD53-CD91BB3CF570}"/>
              </a:ext>
            </a:extLst>
          </p:cNvPr>
          <p:cNvSpPr/>
          <p:nvPr userDrawn="1"/>
        </p:nvSpPr>
        <p:spPr>
          <a:xfrm>
            <a:off x="5334000" y="3429000"/>
            <a:ext cx="3429000" cy="3429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Text Placeholder 16">
            <a:extLst>
              <a:ext uri="{FF2B5EF4-FFF2-40B4-BE49-F238E27FC236}">
                <a16:creationId xmlns:a16="http://schemas.microsoft.com/office/drawing/2014/main" id="{ACC3EBBC-37E6-A743-9154-683B5E0A39FC}"/>
              </a:ext>
            </a:extLst>
          </p:cNvPr>
          <p:cNvSpPr>
            <a:spLocks noGrp="1"/>
          </p:cNvSpPr>
          <p:nvPr>
            <p:ph type="body" sz="quarter" idx="13"/>
          </p:nvPr>
        </p:nvSpPr>
        <p:spPr>
          <a:xfrm>
            <a:off x="6005512" y="2188205"/>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8" name="Picture Placeholder 7">
            <a:extLst>
              <a:ext uri="{FF2B5EF4-FFF2-40B4-BE49-F238E27FC236}">
                <a16:creationId xmlns:a16="http://schemas.microsoft.com/office/drawing/2014/main" id="{FAA37008-08B0-8D4B-80F3-01349BC5FAAE}"/>
              </a:ext>
            </a:extLst>
          </p:cNvPr>
          <p:cNvSpPr>
            <a:spLocks noGrp="1"/>
          </p:cNvSpPr>
          <p:nvPr>
            <p:ph type="pic" sz="quarter" idx="21"/>
          </p:nvPr>
        </p:nvSpPr>
        <p:spPr>
          <a:xfrm>
            <a:off x="6005512" y="584035"/>
            <a:ext cx="2085976" cy="1377950"/>
          </a:xfrm>
          <a:prstGeom prst="rect">
            <a:avLst/>
          </a:prstGeom>
          <a:noFill/>
          <a:ln>
            <a:noFill/>
          </a:ln>
        </p:spPr>
        <p:txBody>
          <a:bodyPr/>
          <a:lstStyle>
            <a:lvl1pPr marL="0" indent="0">
              <a:buNone/>
              <a:defRPr/>
            </a:lvl1pPr>
          </a:lstStyle>
          <a:p>
            <a:endParaRPr lang="en-US"/>
          </a:p>
        </p:txBody>
      </p:sp>
      <p:sp>
        <p:nvSpPr>
          <p:cNvPr id="25" name="Text Placeholder 16">
            <a:extLst>
              <a:ext uri="{FF2B5EF4-FFF2-40B4-BE49-F238E27FC236}">
                <a16:creationId xmlns:a16="http://schemas.microsoft.com/office/drawing/2014/main" id="{6A3396DF-BC7C-054F-BF2C-D0BA74E34C30}"/>
              </a:ext>
            </a:extLst>
          </p:cNvPr>
          <p:cNvSpPr>
            <a:spLocks noGrp="1"/>
          </p:cNvSpPr>
          <p:nvPr>
            <p:ph type="body" sz="quarter" idx="22"/>
          </p:nvPr>
        </p:nvSpPr>
        <p:spPr>
          <a:xfrm>
            <a:off x="9434512" y="2188205"/>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26" name="Picture Placeholder 7">
            <a:extLst>
              <a:ext uri="{FF2B5EF4-FFF2-40B4-BE49-F238E27FC236}">
                <a16:creationId xmlns:a16="http://schemas.microsoft.com/office/drawing/2014/main" id="{B7E2CC51-738B-B646-B62F-78A04A49D31B}"/>
              </a:ext>
            </a:extLst>
          </p:cNvPr>
          <p:cNvSpPr>
            <a:spLocks noGrp="1"/>
          </p:cNvSpPr>
          <p:nvPr>
            <p:ph type="pic" sz="quarter" idx="23"/>
          </p:nvPr>
        </p:nvSpPr>
        <p:spPr>
          <a:xfrm>
            <a:off x="9434512" y="584035"/>
            <a:ext cx="2085976" cy="1377950"/>
          </a:xfrm>
          <a:prstGeom prst="rect">
            <a:avLst/>
          </a:prstGeom>
          <a:noFill/>
          <a:ln>
            <a:noFill/>
          </a:ln>
        </p:spPr>
        <p:txBody>
          <a:bodyPr/>
          <a:lstStyle>
            <a:lvl1pPr marL="0" indent="0">
              <a:buNone/>
              <a:defRPr/>
            </a:lvl1pPr>
          </a:lstStyle>
          <a:p>
            <a:endParaRPr lang="en-US"/>
          </a:p>
        </p:txBody>
      </p:sp>
      <p:sp>
        <p:nvSpPr>
          <p:cNvPr id="27" name="Text Placeholder 16">
            <a:extLst>
              <a:ext uri="{FF2B5EF4-FFF2-40B4-BE49-F238E27FC236}">
                <a16:creationId xmlns:a16="http://schemas.microsoft.com/office/drawing/2014/main" id="{17E97769-2029-CD49-BDC6-292011F92C7F}"/>
              </a:ext>
            </a:extLst>
          </p:cNvPr>
          <p:cNvSpPr>
            <a:spLocks noGrp="1"/>
          </p:cNvSpPr>
          <p:nvPr>
            <p:ph type="body" sz="quarter" idx="24"/>
          </p:nvPr>
        </p:nvSpPr>
        <p:spPr>
          <a:xfrm>
            <a:off x="6005512" y="5551092"/>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28" name="Picture Placeholder 7">
            <a:extLst>
              <a:ext uri="{FF2B5EF4-FFF2-40B4-BE49-F238E27FC236}">
                <a16:creationId xmlns:a16="http://schemas.microsoft.com/office/drawing/2014/main" id="{C16A5F74-4863-8540-8E8E-8577A036385F}"/>
              </a:ext>
            </a:extLst>
          </p:cNvPr>
          <p:cNvSpPr>
            <a:spLocks noGrp="1"/>
          </p:cNvSpPr>
          <p:nvPr>
            <p:ph type="pic" sz="quarter" idx="25"/>
          </p:nvPr>
        </p:nvSpPr>
        <p:spPr>
          <a:xfrm>
            <a:off x="6005512" y="3946922"/>
            <a:ext cx="2085976" cy="1377950"/>
          </a:xfrm>
          <a:prstGeom prst="rect">
            <a:avLst/>
          </a:prstGeom>
          <a:noFill/>
          <a:ln>
            <a:noFill/>
          </a:ln>
        </p:spPr>
        <p:txBody>
          <a:bodyPr/>
          <a:lstStyle>
            <a:lvl1pPr marL="0" indent="0">
              <a:buNone/>
              <a:defRPr/>
            </a:lvl1pPr>
          </a:lstStyle>
          <a:p>
            <a:endParaRPr lang="en-US"/>
          </a:p>
        </p:txBody>
      </p:sp>
      <p:sp>
        <p:nvSpPr>
          <p:cNvPr id="29" name="Text Placeholder 16">
            <a:extLst>
              <a:ext uri="{FF2B5EF4-FFF2-40B4-BE49-F238E27FC236}">
                <a16:creationId xmlns:a16="http://schemas.microsoft.com/office/drawing/2014/main" id="{006B36B9-F70C-4744-B87B-F97E40B59943}"/>
              </a:ext>
            </a:extLst>
          </p:cNvPr>
          <p:cNvSpPr>
            <a:spLocks noGrp="1"/>
          </p:cNvSpPr>
          <p:nvPr>
            <p:ph type="body" sz="quarter" idx="26"/>
          </p:nvPr>
        </p:nvSpPr>
        <p:spPr>
          <a:xfrm>
            <a:off x="9434512" y="5551092"/>
            <a:ext cx="2085976" cy="990601"/>
          </a:xfrm>
          <a:prstGeom prst="rect">
            <a:avLst/>
          </a:prstGeom>
        </p:spPr>
        <p:txBody>
          <a:bodyPr>
            <a:normAutofit/>
          </a:bodyPr>
          <a:lstStyle>
            <a:lvl1pPr marL="0" indent="0" algn="ctr">
              <a:buNone/>
              <a:defRPr sz="16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Click to edit Master text styles</a:t>
            </a:r>
          </a:p>
        </p:txBody>
      </p:sp>
      <p:sp>
        <p:nvSpPr>
          <p:cNvPr id="30" name="Picture Placeholder 7">
            <a:extLst>
              <a:ext uri="{FF2B5EF4-FFF2-40B4-BE49-F238E27FC236}">
                <a16:creationId xmlns:a16="http://schemas.microsoft.com/office/drawing/2014/main" id="{D39D4E10-C542-E74D-B366-4B560EEB6601}"/>
              </a:ext>
            </a:extLst>
          </p:cNvPr>
          <p:cNvSpPr>
            <a:spLocks noGrp="1"/>
          </p:cNvSpPr>
          <p:nvPr>
            <p:ph type="pic" sz="quarter" idx="27"/>
          </p:nvPr>
        </p:nvSpPr>
        <p:spPr>
          <a:xfrm>
            <a:off x="9434512" y="3946922"/>
            <a:ext cx="2085976" cy="1377950"/>
          </a:xfrm>
          <a:prstGeom prst="rect">
            <a:avLst/>
          </a:prstGeom>
          <a:noFill/>
          <a:ln>
            <a:noFill/>
          </a:ln>
        </p:spPr>
        <p:txBody>
          <a:bodyPr/>
          <a:lstStyle>
            <a:lvl1pPr marL="0" indent="0">
              <a:buNone/>
              <a:defRPr/>
            </a:lvl1pPr>
          </a:lstStyle>
          <a:p>
            <a:endParaRPr lang="en-US"/>
          </a:p>
        </p:txBody>
      </p:sp>
      <p:sp>
        <p:nvSpPr>
          <p:cNvPr id="18" name="Title 1">
            <a:extLst>
              <a:ext uri="{FF2B5EF4-FFF2-40B4-BE49-F238E27FC236}">
                <a16:creationId xmlns:a16="http://schemas.microsoft.com/office/drawing/2014/main" id="{DD96A343-FA79-E84F-8942-0700CE3BD623}"/>
              </a:ext>
            </a:extLst>
          </p:cNvPr>
          <p:cNvSpPr>
            <a:spLocks noGrp="1"/>
          </p:cNvSpPr>
          <p:nvPr>
            <p:ph type="title"/>
          </p:nvPr>
        </p:nvSpPr>
        <p:spPr>
          <a:xfrm>
            <a:off x="467360" y="279079"/>
            <a:ext cx="4392772" cy="1325563"/>
          </a:xfrm>
        </p:spPr>
        <p:txBody>
          <a:bodyPr/>
          <a:lstStyle/>
          <a:p>
            <a:r>
              <a:rPr lang="en-US"/>
              <a:t>Click to edit Master title style</a:t>
            </a:r>
          </a:p>
        </p:txBody>
      </p:sp>
      <p:sp>
        <p:nvSpPr>
          <p:cNvPr id="19" name="Footer Placeholder 3">
            <a:extLst>
              <a:ext uri="{FF2B5EF4-FFF2-40B4-BE49-F238E27FC236}">
                <a16:creationId xmlns:a16="http://schemas.microsoft.com/office/drawing/2014/main" id="{EA717172-05DD-1647-819E-3E82B7260138}"/>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21" name="Slide Number Placeholder 4">
            <a:extLst>
              <a:ext uri="{FF2B5EF4-FFF2-40B4-BE49-F238E27FC236}">
                <a16:creationId xmlns:a16="http://schemas.microsoft.com/office/drawing/2014/main" id="{8D585B16-1599-D44F-A5A0-EFCE75812FCE}"/>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22" name="Picture 21">
            <a:extLst>
              <a:ext uri="{FF2B5EF4-FFF2-40B4-BE49-F238E27FC236}">
                <a16:creationId xmlns:a16="http://schemas.microsoft.com/office/drawing/2014/main" id="{4F767760-00B2-394D-BED4-6519A166F81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
        <p:nvSpPr>
          <p:cNvPr id="23" name="Content Placeholder 2">
            <a:extLst>
              <a:ext uri="{FF2B5EF4-FFF2-40B4-BE49-F238E27FC236}">
                <a16:creationId xmlns:a16="http://schemas.microsoft.com/office/drawing/2014/main" id="{8934767E-68F0-E04B-9454-4E665F5ED5E8}"/>
              </a:ext>
            </a:extLst>
          </p:cNvPr>
          <p:cNvSpPr>
            <a:spLocks noGrp="1"/>
          </p:cNvSpPr>
          <p:nvPr>
            <p:ph sz="half" idx="1"/>
          </p:nvPr>
        </p:nvSpPr>
        <p:spPr>
          <a:xfrm>
            <a:off x="467360" y="1736890"/>
            <a:ext cx="4392772" cy="4004967"/>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58602900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1_One Content with Semicircle/Image">
    <p:spTree>
      <p:nvGrpSpPr>
        <p:cNvPr id="1" name=""/>
        <p:cNvGrpSpPr/>
        <p:nvPr/>
      </p:nvGrpSpPr>
      <p:grpSpPr>
        <a:xfrm>
          <a:off x="0" y="0"/>
          <a:ext cx="0" cy="0"/>
          <a:chOff x="0" y="0"/>
          <a:chExt cx="0" cy="0"/>
        </a:xfrm>
      </p:grpSpPr>
      <p:sp>
        <p:nvSpPr>
          <p:cNvPr id="23" name="Graphic 21">
            <a:extLst>
              <a:ext uri="{FF2B5EF4-FFF2-40B4-BE49-F238E27FC236}">
                <a16:creationId xmlns:a16="http://schemas.microsoft.com/office/drawing/2014/main" id="{F5AF2576-27BD-A24D-B658-566EA3DDD785}"/>
              </a:ext>
            </a:extLst>
          </p:cNvPr>
          <p:cNvSpPr/>
          <p:nvPr userDrawn="1"/>
        </p:nvSpPr>
        <p:spPr>
          <a:xfrm>
            <a:off x="0" y="0"/>
            <a:ext cx="8091169" cy="6858000"/>
          </a:xfrm>
          <a:custGeom>
            <a:avLst/>
            <a:gdLst>
              <a:gd name="connsiteX0" fmla="*/ 0 w 6068377"/>
              <a:gd name="connsiteY0" fmla="*/ 5143500 h 5143500"/>
              <a:gd name="connsiteX1" fmla="*/ 4790123 w 6068377"/>
              <a:gd name="connsiteY1" fmla="*/ 5143500 h 5143500"/>
              <a:gd name="connsiteX2" fmla="*/ 6068378 w 6068377"/>
              <a:gd name="connsiteY2" fmla="*/ 2571750 h 5143500"/>
              <a:gd name="connsiteX3" fmla="*/ 4789170 w 6068377"/>
              <a:gd name="connsiteY3" fmla="*/ 0 h 5143500"/>
              <a:gd name="connsiteX4" fmla="*/ 0 w 6068377"/>
              <a:gd name="connsiteY4" fmla="*/ 0 h 5143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8377" h="5143500">
                <a:moveTo>
                  <a:pt x="0" y="5143500"/>
                </a:moveTo>
                <a:lnTo>
                  <a:pt x="4790123" y="5143500"/>
                </a:lnTo>
                <a:cubicBezTo>
                  <a:pt x="5566410" y="4553903"/>
                  <a:pt x="6068378" y="3621405"/>
                  <a:pt x="6068378" y="2571750"/>
                </a:cubicBezTo>
                <a:cubicBezTo>
                  <a:pt x="6068378" y="1522095"/>
                  <a:pt x="5565458" y="588645"/>
                  <a:pt x="4789170" y="0"/>
                </a:cubicBezTo>
                <a:lnTo>
                  <a:pt x="0" y="0"/>
                </a:lnTo>
              </a:path>
            </a:pathLst>
          </a:custGeom>
          <a:solidFill>
            <a:schemeClr val="accent2"/>
          </a:solidFill>
          <a:ln w="9525" cap="flat">
            <a:noFill/>
            <a:prstDash val="solid"/>
            <a:miter/>
          </a:ln>
        </p:spPr>
        <p:txBody>
          <a:bodyPr rtlCol="0" anchor="ctr"/>
          <a:lstStyle/>
          <a:p>
            <a:endParaRPr lang="en-US"/>
          </a:p>
        </p:txBody>
      </p:sp>
      <p:sp>
        <p:nvSpPr>
          <p:cNvPr id="29" name="Picture Placeholder 28">
            <a:extLst>
              <a:ext uri="{FF2B5EF4-FFF2-40B4-BE49-F238E27FC236}">
                <a16:creationId xmlns:a16="http://schemas.microsoft.com/office/drawing/2014/main" id="{698BB7F7-EAA2-A64B-9036-4BD7385ECCDF}"/>
              </a:ext>
            </a:extLst>
          </p:cNvPr>
          <p:cNvSpPr>
            <a:spLocks noGrp="1"/>
          </p:cNvSpPr>
          <p:nvPr>
            <p:ph type="pic" sz="quarter" idx="13"/>
          </p:nvPr>
        </p:nvSpPr>
        <p:spPr>
          <a:xfrm>
            <a:off x="6385562" y="2"/>
            <a:ext cx="5806438" cy="6857999"/>
          </a:xfrm>
          <a:custGeom>
            <a:avLst/>
            <a:gdLst>
              <a:gd name="connsiteX0" fmla="*/ 0 w 5806438"/>
              <a:gd name="connsiteY0" fmla="*/ 0 h 6857999"/>
              <a:gd name="connsiteX1" fmla="*/ 5806438 w 5806438"/>
              <a:gd name="connsiteY1" fmla="*/ 0 h 6857999"/>
              <a:gd name="connsiteX2" fmla="*/ 5806438 w 5806438"/>
              <a:gd name="connsiteY2" fmla="*/ 6857999 h 6857999"/>
              <a:gd name="connsiteX3" fmla="*/ 1269 w 5806438"/>
              <a:gd name="connsiteY3" fmla="*/ 6857999 h 6857999"/>
              <a:gd name="connsiteX4" fmla="*/ 1705609 w 5806438"/>
              <a:gd name="connsiteY4" fmla="*/ 3428999 h 6857999"/>
              <a:gd name="connsiteX5" fmla="*/ 189724 w 5806438"/>
              <a:gd name="connsiteY5" fmla="*/ 152474 h 68579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806438" h="6857999">
                <a:moveTo>
                  <a:pt x="0" y="0"/>
                </a:moveTo>
                <a:lnTo>
                  <a:pt x="5806438" y="0"/>
                </a:lnTo>
                <a:lnTo>
                  <a:pt x="5806438" y="6857999"/>
                </a:lnTo>
                <a:lnTo>
                  <a:pt x="1269" y="6857999"/>
                </a:lnTo>
                <a:cubicBezTo>
                  <a:pt x="1036318" y="6071870"/>
                  <a:pt x="1705609" y="4828539"/>
                  <a:pt x="1705609" y="3428999"/>
                </a:cubicBezTo>
                <a:cubicBezTo>
                  <a:pt x="1705609" y="2116930"/>
                  <a:pt x="1116250" y="941039"/>
                  <a:pt x="189724" y="152474"/>
                </a:cubicBezTo>
                <a:close/>
              </a:path>
            </a:pathLst>
          </a:custGeom>
          <a:solidFill>
            <a:schemeClr val="bg1">
              <a:lumMod val="95000"/>
            </a:schemeClr>
          </a:solidFill>
          <a:ln>
            <a:noFill/>
          </a:ln>
        </p:spPr>
        <p:txBody>
          <a:bodyPr wrap="square">
            <a:noAutofit/>
          </a:bodyPr>
          <a:lstStyle>
            <a:lvl1pPr marL="0" indent="0">
              <a:buFontTx/>
              <a:buNone/>
              <a:defRPr/>
            </a:lvl1pPr>
          </a:lstStyle>
          <a:p>
            <a:endParaRPr lang="en-US"/>
          </a:p>
        </p:txBody>
      </p:sp>
      <p:sp>
        <p:nvSpPr>
          <p:cNvPr id="10" name="Title 1">
            <a:extLst>
              <a:ext uri="{FF2B5EF4-FFF2-40B4-BE49-F238E27FC236}">
                <a16:creationId xmlns:a16="http://schemas.microsoft.com/office/drawing/2014/main" id="{513FF14D-93C5-9A44-9DCB-B198C5FAB9DD}"/>
              </a:ext>
            </a:extLst>
          </p:cNvPr>
          <p:cNvSpPr>
            <a:spLocks noGrp="1"/>
          </p:cNvSpPr>
          <p:nvPr>
            <p:ph type="title"/>
          </p:nvPr>
        </p:nvSpPr>
        <p:spPr>
          <a:xfrm>
            <a:off x="467360" y="279079"/>
            <a:ext cx="4392772" cy="1325563"/>
          </a:xfrm>
        </p:spPr>
        <p:txBody>
          <a:bodyPr/>
          <a:lstStyle/>
          <a:p>
            <a:r>
              <a:rPr lang="en-US"/>
              <a:t>Click to edit Master title style</a:t>
            </a:r>
          </a:p>
        </p:txBody>
      </p:sp>
      <p:sp>
        <p:nvSpPr>
          <p:cNvPr id="8" name="Footer Placeholder 3">
            <a:extLst>
              <a:ext uri="{FF2B5EF4-FFF2-40B4-BE49-F238E27FC236}">
                <a16:creationId xmlns:a16="http://schemas.microsoft.com/office/drawing/2014/main" id="{4E880E2A-0581-BE4C-AB04-1F1AE74E7095}"/>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accent1"/>
                </a:solidFill>
              </a:rPr>
              <a:t>© 2022 ODP Business Solutions, LLC. All rights reserved.            Confidential</a:t>
            </a:r>
          </a:p>
        </p:txBody>
      </p:sp>
      <p:sp>
        <p:nvSpPr>
          <p:cNvPr id="9" name="Slide Number Placeholder 4">
            <a:extLst>
              <a:ext uri="{FF2B5EF4-FFF2-40B4-BE49-F238E27FC236}">
                <a16:creationId xmlns:a16="http://schemas.microsoft.com/office/drawing/2014/main" id="{75F6070A-181B-0840-BE53-61159860A03E}"/>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accent1"/>
                </a:solidFill>
              </a:rPr>
              <a:pPr/>
              <a:t>‹#›</a:t>
            </a:fld>
            <a:endParaRPr lang="en-US" sz="700">
              <a:solidFill>
                <a:schemeClr val="accent1"/>
              </a:solidFill>
            </a:endParaRPr>
          </a:p>
        </p:txBody>
      </p:sp>
      <p:pic>
        <p:nvPicPr>
          <p:cNvPr id="12" name="Picture 11">
            <a:extLst>
              <a:ext uri="{FF2B5EF4-FFF2-40B4-BE49-F238E27FC236}">
                <a16:creationId xmlns:a16="http://schemas.microsoft.com/office/drawing/2014/main" id="{707343E7-19AD-A542-8431-260CA440CC5C}"/>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
        <p:nvSpPr>
          <p:cNvPr id="13" name="Content Placeholder 2">
            <a:extLst>
              <a:ext uri="{FF2B5EF4-FFF2-40B4-BE49-F238E27FC236}">
                <a16:creationId xmlns:a16="http://schemas.microsoft.com/office/drawing/2014/main" id="{4E6CE582-F4C8-8447-AC40-757EF437568E}"/>
              </a:ext>
            </a:extLst>
          </p:cNvPr>
          <p:cNvSpPr>
            <a:spLocks noGrp="1"/>
          </p:cNvSpPr>
          <p:nvPr>
            <p:ph sz="half" idx="1"/>
          </p:nvPr>
        </p:nvSpPr>
        <p:spPr>
          <a:xfrm>
            <a:off x="467360" y="1736890"/>
            <a:ext cx="4392772" cy="4004967"/>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45630891"/>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titleOnly" preserve="1">
  <p:cSld name="1_Quote - Blue">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20634D9-71F1-224F-82D5-DD87412F78AA}"/>
              </a:ext>
            </a:extLst>
          </p:cNvPr>
          <p:cNvSpPr>
            <a:spLocks noGrp="1"/>
          </p:cNvSpPr>
          <p:nvPr>
            <p:ph type="title"/>
          </p:nvPr>
        </p:nvSpPr>
        <p:spPr>
          <a:xfrm>
            <a:off x="2735465" y="1630507"/>
            <a:ext cx="6721070" cy="3052330"/>
          </a:xfrm>
        </p:spPr>
        <p:txBody>
          <a:bodyPr/>
          <a:lstStyle>
            <a:lvl1pPr>
              <a:defRPr>
                <a:solidFill>
                  <a:schemeClr val="accent2"/>
                </a:solidFill>
              </a:defRPr>
            </a:lvl1pPr>
          </a:lstStyle>
          <a:p>
            <a:r>
              <a:rPr lang="en-US"/>
              <a:t>Click to edit Master title style</a:t>
            </a:r>
          </a:p>
        </p:txBody>
      </p:sp>
      <p:sp>
        <p:nvSpPr>
          <p:cNvPr id="6" name="TextBox 5">
            <a:extLst>
              <a:ext uri="{FF2B5EF4-FFF2-40B4-BE49-F238E27FC236}">
                <a16:creationId xmlns:a16="http://schemas.microsoft.com/office/drawing/2014/main" id="{8E0FEEF6-1B29-6A44-BF76-27706BC7712D}"/>
              </a:ext>
            </a:extLst>
          </p:cNvPr>
          <p:cNvSpPr txBox="1"/>
          <p:nvPr userDrawn="1"/>
        </p:nvSpPr>
        <p:spPr>
          <a:xfrm>
            <a:off x="1435972" y="1012825"/>
            <a:ext cx="2664060" cy="3170099"/>
          </a:xfrm>
          <a:prstGeom prst="rect">
            <a:avLst/>
          </a:prstGeom>
          <a:noFill/>
        </p:spPr>
        <p:txBody>
          <a:bodyPr wrap="square" rtlCol="0">
            <a:spAutoFit/>
          </a:bodyPr>
          <a:lstStyle/>
          <a:p>
            <a:r>
              <a:rPr lang="en-US" sz="20000" b="1">
                <a:solidFill>
                  <a:schemeClr val="accent2"/>
                </a:solidFill>
                <a:latin typeface="Open Sans" panose="020B0606030504020204" pitchFamily="34" charset="0"/>
                <a:ea typeface="Open Sans" panose="020B0606030504020204" pitchFamily="34" charset="0"/>
                <a:cs typeface="Open Sans" panose="020B0606030504020204" pitchFamily="34" charset="0"/>
              </a:rPr>
              <a:t>“</a:t>
            </a:r>
          </a:p>
        </p:txBody>
      </p:sp>
      <p:sp>
        <p:nvSpPr>
          <p:cNvPr id="14" name="TextBox 13">
            <a:extLst>
              <a:ext uri="{FF2B5EF4-FFF2-40B4-BE49-F238E27FC236}">
                <a16:creationId xmlns:a16="http://schemas.microsoft.com/office/drawing/2014/main" id="{080F6F06-3C99-3148-A3E3-FBE9675D996F}"/>
              </a:ext>
            </a:extLst>
          </p:cNvPr>
          <p:cNvSpPr txBox="1"/>
          <p:nvPr userDrawn="1"/>
        </p:nvSpPr>
        <p:spPr>
          <a:xfrm>
            <a:off x="9423998" y="3401424"/>
            <a:ext cx="2664060" cy="3170099"/>
          </a:xfrm>
          <a:prstGeom prst="rect">
            <a:avLst/>
          </a:prstGeom>
          <a:noFill/>
        </p:spPr>
        <p:txBody>
          <a:bodyPr wrap="square" rtlCol="0">
            <a:spAutoFit/>
          </a:bodyPr>
          <a:lstStyle/>
          <a:p>
            <a:r>
              <a:rPr lang="en-US" sz="20000" b="1">
                <a:solidFill>
                  <a:schemeClr val="accent2"/>
                </a:solidFill>
                <a:latin typeface="Open Sans" panose="020B0606030504020204" pitchFamily="34" charset="0"/>
                <a:ea typeface="Open Sans" panose="020B0606030504020204" pitchFamily="34" charset="0"/>
                <a:cs typeface="Open Sans" panose="020B0606030504020204" pitchFamily="34" charset="0"/>
              </a:rPr>
              <a:t>”</a:t>
            </a:r>
          </a:p>
        </p:txBody>
      </p:sp>
      <p:pic>
        <p:nvPicPr>
          <p:cNvPr id="8" name="Picture 7">
            <a:extLst>
              <a:ext uri="{FF2B5EF4-FFF2-40B4-BE49-F238E27FC236}">
                <a16:creationId xmlns:a16="http://schemas.microsoft.com/office/drawing/2014/main" id="{BC6096C6-E56C-A146-8007-71B2BFA6CF39}"/>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571499" y="5866525"/>
            <a:ext cx="1375997" cy="488619"/>
          </a:xfrm>
          <a:prstGeom prst="rect">
            <a:avLst/>
          </a:prstGeom>
        </p:spPr>
      </p:pic>
      <p:sp>
        <p:nvSpPr>
          <p:cNvPr id="9" name="Footer Placeholder 3">
            <a:extLst>
              <a:ext uri="{FF2B5EF4-FFF2-40B4-BE49-F238E27FC236}">
                <a16:creationId xmlns:a16="http://schemas.microsoft.com/office/drawing/2014/main" id="{E3D21CD7-184C-244D-AC44-F6A4127C3983}"/>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0" name="Slide Number Placeholder 4">
            <a:extLst>
              <a:ext uri="{FF2B5EF4-FFF2-40B4-BE49-F238E27FC236}">
                <a16:creationId xmlns:a16="http://schemas.microsoft.com/office/drawing/2014/main" id="{A5F73029-26F3-544A-BE81-A0211B66DBD1}"/>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2066603956"/>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type="titleOnly" preserve="1">
  <p:cSld name="1_Quote - Yellow">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20634D9-71F1-224F-82D5-DD87412F78AA}"/>
              </a:ext>
            </a:extLst>
          </p:cNvPr>
          <p:cNvSpPr>
            <a:spLocks noGrp="1"/>
          </p:cNvSpPr>
          <p:nvPr>
            <p:ph type="title"/>
          </p:nvPr>
        </p:nvSpPr>
        <p:spPr>
          <a:xfrm>
            <a:off x="2735465" y="1630507"/>
            <a:ext cx="6721070" cy="3052330"/>
          </a:xfrm>
        </p:spPr>
        <p:txBody>
          <a:bodyPr/>
          <a:lstStyle>
            <a:lvl1pPr>
              <a:defRPr>
                <a:solidFill>
                  <a:schemeClr val="tx1"/>
                </a:solidFill>
              </a:defRPr>
            </a:lvl1pPr>
          </a:lstStyle>
          <a:p>
            <a:r>
              <a:rPr lang="en-US"/>
              <a:t>Click to edit Master title style</a:t>
            </a:r>
          </a:p>
        </p:txBody>
      </p:sp>
      <p:sp>
        <p:nvSpPr>
          <p:cNvPr id="6" name="TextBox 5">
            <a:extLst>
              <a:ext uri="{FF2B5EF4-FFF2-40B4-BE49-F238E27FC236}">
                <a16:creationId xmlns:a16="http://schemas.microsoft.com/office/drawing/2014/main" id="{8E0FEEF6-1B29-6A44-BF76-27706BC7712D}"/>
              </a:ext>
            </a:extLst>
          </p:cNvPr>
          <p:cNvSpPr txBox="1"/>
          <p:nvPr userDrawn="1"/>
        </p:nvSpPr>
        <p:spPr>
          <a:xfrm>
            <a:off x="1435972" y="1012825"/>
            <a:ext cx="2664060" cy="3170099"/>
          </a:xfrm>
          <a:prstGeom prst="rect">
            <a:avLst/>
          </a:prstGeom>
          <a:noFill/>
        </p:spPr>
        <p:txBody>
          <a:bodyPr wrap="square" rtlCol="0">
            <a:spAutoFit/>
          </a:bodyPr>
          <a:lstStyle/>
          <a:p>
            <a:r>
              <a:rPr lang="en-US" sz="20000" b="1">
                <a:solidFill>
                  <a:schemeClr val="tx1"/>
                </a:solidFill>
                <a:latin typeface="Open Sans" panose="020B0606030504020204" pitchFamily="34" charset="0"/>
                <a:ea typeface="Open Sans" panose="020B0606030504020204" pitchFamily="34" charset="0"/>
                <a:cs typeface="Open Sans" panose="020B0606030504020204" pitchFamily="34" charset="0"/>
              </a:rPr>
              <a:t>“</a:t>
            </a:r>
          </a:p>
        </p:txBody>
      </p:sp>
      <p:sp>
        <p:nvSpPr>
          <p:cNvPr id="14" name="TextBox 13">
            <a:extLst>
              <a:ext uri="{FF2B5EF4-FFF2-40B4-BE49-F238E27FC236}">
                <a16:creationId xmlns:a16="http://schemas.microsoft.com/office/drawing/2014/main" id="{080F6F06-3C99-3148-A3E3-FBE9675D996F}"/>
              </a:ext>
            </a:extLst>
          </p:cNvPr>
          <p:cNvSpPr txBox="1"/>
          <p:nvPr userDrawn="1"/>
        </p:nvSpPr>
        <p:spPr>
          <a:xfrm>
            <a:off x="9423998" y="3401424"/>
            <a:ext cx="2664060" cy="3170099"/>
          </a:xfrm>
          <a:prstGeom prst="rect">
            <a:avLst/>
          </a:prstGeom>
          <a:noFill/>
        </p:spPr>
        <p:txBody>
          <a:bodyPr wrap="square" rtlCol="0">
            <a:spAutoFit/>
          </a:bodyPr>
          <a:lstStyle/>
          <a:p>
            <a:r>
              <a:rPr lang="en-US" sz="20000" b="1">
                <a:solidFill>
                  <a:schemeClr val="tx1"/>
                </a:solidFill>
                <a:latin typeface="Open Sans" panose="020B0606030504020204" pitchFamily="34" charset="0"/>
                <a:ea typeface="Open Sans" panose="020B0606030504020204" pitchFamily="34" charset="0"/>
                <a:cs typeface="Open Sans" panose="020B0606030504020204" pitchFamily="34" charset="0"/>
              </a:rPr>
              <a:t>”</a:t>
            </a:r>
          </a:p>
        </p:txBody>
      </p:sp>
      <p:pic>
        <p:nvPicPr>
          <p:cNvPr id="9" name="Picture 8">
            <a:extLst>
              <a:ext uri="{FF2B5EF4-FFF2-40B4-BE49-F238E27FC236}">
                <a16:creationId xmlns:a16="http://schemas.microsoft.com/office/drawing/2014/main" id="{A12892B5-39E4-6A49-B819-D1F7B7061A88}"/>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571500" y="5867177"/>
            <a:ext cx="1375996" cy="488619"/>
          </a:xfrm>
          <a:prstGeom prst="rect">
            <a:avLst/>
          </a:prstGeom>
        </p:spPr>
      </p:pic>
      <p:sp>
        <p:nvSpPr>
          <p:cNvPr id="10" name="Footer Placeholder 3">
            <a:extLst>
              <a:ext uri="{FF2B5EF4-FFF2-40B4-BE49-F238E27FC236}">
                <a16:creationId xmlns:a16="http://schemas.microsoft.com/office/drawing/2014/main" id="{E646EC81-04DA-594B-A9EF-38448BB0D967}"/>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accent1"/>
                </a:solidFill>
              </a:rPr>
              <a:t>© 2022 ODP Business Solutions, LLC. All rights reserved.            Confidential</a:t>
            </a:r>
          </a:p>
        </p:txBody>
      </p:sp>
      <p:sp>
        <p:nvSpPr>
          <p:cNvPr id="11" name="Slide Number Placeholder 4">
            <a:extLst>
              <a:ext uri="{FF2B5EF4-FFF2-40B4-BE49-F238E27FC236}">
                <a16:creationId xmlns:a16="http://schemas.microsoft.com/office/drawing/2014/main" id="{677E0BD5-6E2D-F64D-9BBC-374C782002B4}"/>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accent1"/>
                </a:solidFill>
              </a:rPr>
              <a:pPr/>
              <a:t>‹#›</a:t>
            </a:fld>
            <a:endParaRPr lang="en-US" sz="700">
              <a:solidFill>
                <a:schemeClr val="accent1"/>
              </a:solidFill>
            </a:endParaRPr>
          </a:p>
        </p:txBody>
      </p:sp>
    </p:spTree>
    <p:extLst>
      <p:ext uri="{BB962C8B-B14F-4D97-AF65-F5344CB8AC3E}">
        <p14:creationId xmlns:p14="http://schemas.microsoft.com/office/powerpoint/2010/main" val="3036793916"/>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A6C93CB9-FC24-6F47-84D6-0F0E56535D1A}"/>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10815865" y="0"/>
            <a:ext cx="1376135" cy="6858000"/>
          </a:xfrm>
          <a:prstGeom prst="rect">
            <a:avLst/>
          </a:prstGeom>
        </p:spPr>
      </p:pic>
      <p:sp>
        <p:nvSpPr>
          <p:cNvPr id="12" name="Content Placeholder 2">
            <a:extLst>
              <a:ext uri="{FF2B5EF4-FFF2-40B4-BE49-F238E27FC236}">
                <a16:creationId xmlns:a16="http://schemas.microsoft.com/office/drawing/2014/main" id="{19498CEA-5732-CB4C-A107-20130A0185C9}"/>
              </a:ext>
            </a:extLst>
          </p:cNvPr>
          <p:cNvSpPr>
            <a:spLocks noGrp="1"/>
          </p:cNvSpPr>
          <p:nvPr>
            <p:ph sz="half" idx="1"/>
          </p:nvPr>
        </p:nvSpPr>
        <p:spPr>
          <a:xfrm>
            <a:off x="467360" y="1736890"/>
            <a:ext cx="10163643" cy="1099684"/>
          </a:xfrm>
          <a:prstGeom prst="rect">
            <a:avLst/>
          </a:prstGeom>
        </p:spPr>
        <p:txBody>
          <a:bodyPr/>
          <a:lstStyle>
            <a:lvl1pPr marL="9525" indent="0">
              <a:lnSpc>
                <a:spcPct val="100000"/>
              </a:lnSpc>
              <a:spcBef>
                <a:spcPts val="200"/>
              </a:spcBef>
              <a:buNone/>
              <a:tabLst/>
              <a:defRPr sz="1800"/>
            </a:lvl1pPr>
            <a:lvl2pPr marL="171450" indent="-161925">
              <a:lnSpc>
                <a:spcPct val="110000"/>
              </a:lnSpc>
              <a:spcBef>
                <a:spcPts val="200"/>
              </a:spcBef>
              <a:tabLst/>
              <a:defRPr sz="1800"/>
            </a:lvl2pPr>
            <a:lvl3pPr marL="344488" indent="-173038">
              <a:lnSpc>
                <a:spcPct val="110000"/>
              </a:lnSpc>
              <a:spcBef>
                <a:spcPts val="200"/>
              </a:spcBef>
              <a:buFont typeface="System Font Regular"/>
              <a:buChar char="−"/>
              <a:tabLst/>
              <a:defRPr sz="1600"/>
            </a:lvl3pPr>
            <a:lvl4pPr marL="466725" indent="-122238">
              <a:lnSpc>
                <a:spcPct val="110000"/>
              </a:lnSpc>
              <a:spcBef>
                <a:spcPts val="200"/>
              </a:spcBef>
              <a:buFont typeface="System Font Regular"/>
              <a:buChar char="-"/>
              <a:tabLst/>
              <a:defRPr sz="1600"/>
            </a:lvl4pPr>
            <a:lvl5pPr marL="577850" indent="-111125">
              <a:lnSpc>
                <a:spcPct val="110000"/>
              </a:lnSpc>
              <a:spcBef>
                <a:spcPts val="200"/>
              </a:spcBef>
              <a:buFont typeface="System Font Regular"/>
              <a:buChar char="◦"/>
              <a:tabLst/>
              <a:defRPr sz="1600"/>
            </a:lvl5pPr>
          </a:lstStyle>
          <a:p>
            <a:pPr lvl="0"/>
            <a:r>
              <a:rPr lang="en-US"/>
              <a:t>Click to edit Master text styles</a:t>
            </a:r>
          </a:p>
        </p:txBody>
      </p:sp>
      <p:sp>
        <p:nvSpPr>
          <p:cNvPr id="11" name="Footer Placeholder 3">
            <a:extLst>
              <a:ext uri="{FF2B5EF4-FFF2-40B4-BE49-F238E27FC236}">
                <a16:creationId xmlns:a16="http://schemas.microsoft.com/office/drawing/2014/main" id="{1F86BB91-37AB-E447-BE7E-291CEEF80B1A}"/>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3" name="Slide Number Placeholder 4">
            <a:extLst>
              <a:ext uri="{FF2B5EF4-FFF2-40B4-BE49-F238E27FC236}">
                <a16:creationId xmlns:a16="http://schemas.microsoft.com/office/drawing/2014/main" id="{21DDE514-A944-D04C-88D0-CD13B910E6FD}"/>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4" name="Picture 13">
            <a:extLst>
              <a:ext uri="{FF2B5EF4-FFF2-40B4-BE49-F238E27FC236}">
                <a16:creationId xmlns:a16="http://schemas.microsoft.com/office/drawing/2014/main" id="{1EE4FC01-40C0-8D42-95FF-1C180C7823EB}"/>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
        <p:nvSpPr>
          <p:cNvPr id="16" name="Content Placeholder 2">
            <a:extLst>
              <a:ext uri="{FF2B5EF4-FFF2-40B4-BE49-F238E27FC236}">
                <a16:creationId xmlns:a16="http://schemas.microsoft.com/office/drawing/2014/main" id="{CAD0B1D7-AC0C-EA46-B796-C250902CB17F}"/>
              </a:ext>
            </a:extLst>
          </p:cNvPr>
          <p:cNvSpPr>
            <a:spLocks noGrp="1"/>
          </p:cNvSpPr>
          <p:nvPr>
            <p:ph sz="half" idx="16"/>
          </p:nvPr>
        </p:nvSpPr>
        <p:spPr>
          <a:xfrm>
            <a:off x="467361" y="2873021"/>
            <a:ext cx="4914961" cy="3182868"/>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2">
            <a:extLst>
              <a:ext uri="{FF2B5EF4-FFF2-40B4-BE49-F238E27FC236}">
                <a16:creationId xmlns:a16="http://schemas.microsoft.com/office/drawing/2014/main" id="{17561AE9-D862-F449-8095-6F2F34CD686E}"/>
              </a:ext>
            </a:extLst>
          </p:cNvPr>
          <p:cNvSpPr>
            <a:spLocks noGrp="1"/>
          </p:cNvSpPr>
          <p:nvPr>
            <p:ph sz="half" idx="17"/>
          </p:nvPr>
        </p:nvSpPr>
        <p:spPr>
          <a:xfrm>
            <a:off x="5716042" y="2873021"/>
            <a:ext cx="4914961" cy="3182868"/>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Title 1">
            <a:extLst>
              <a:ext uri="{FF2B5EF4-FFF2-40B4-BE49-F238E27FC236}">
                <a16:creationId xmlns:a16="http://schemas.microsoft.com/office/drawing/2014/main" id="{49340F63-EE49-444E-A68B-D0C5EF4E1DD7}"/>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351641046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A6C93CB9-FC24-6F47-84D6-0F0E56535D1A}"/>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10815865" y="0"/>
            <a:ext cx="1376135" cy="6858000"/>
          </a:xfrm>
          <a:prstGeom prst="rect">
            <a:avLst/>
          </a:prstGeom>
        </p:spPr>
      </p:pic>
      <p:sp>
        <p:nvSpPr>
          <p:cNvPr id="11" name="Footer Placeholder 3">
            <a:extLst>
              <a:ext uri="{FF2B5EF4-FFF2-40B4-BE49-F238E27FC236}">
                <a16:creationId xmlns:a16="http://schemas.microsoft.com/office/drawing/2014/main" id="{43876B73-9EF1-B64D-8AB7-977987F42037}"/>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3" name="Slide Number Placeholder 4">
            <a:extLst>
              <a:ext uri="{FF2B5EF4-FFF2-40B4-BE49-F238E27FC236}">
                <a16:creationId xmlns:a16="http://schemas.microsoft.com/office/drawing/2014/main" id="{1BF25980-082A-9C4C-9EE6-F79C748CBF32}"/>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6" name="Picture 15">
            <a:extLst>
              <a:ext uri="{FF2B5EF4-FFF2-40B4-BE49-F238E27FC236}">
                <a16:creationId xmlns:a16="http://schemas.microsoft.com/office/drawing/2014/main" id="{51CCF48E-9FA8-A34E-BDB6-46744123018A}"/>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
        <p:nvSpPr>
          <p:cNvPr id="9" name="Content Placeholder 2">
            <a:extLst>
              <a:ext uri="{FF2B5EF4-FFF2-40B4-BE49-F238E27FC236}">
                <a16:creationId xmlns:a16="http://schemas.microsoft.com/office/drawing/2014/main" id="{51496F5D-2EB6-B844-BBC2-D16FDEECE946}"/>
              </a:ext>
            </a:extLst>
          </p:cNvPr>
          <p:cNvSpPr>
            <a:spLocks noGrp="1"/>
          </p:cNvSpPr>
          <p:nvPr>
            <p:ph sz="half" idx="16"/>
          </p:nvPr>
        </p:nvSpPr>
        <p:spPr>
          <a:xfrm>
            <a:off x="467361" y="1736889"/>
            <a:ext cx="4840137" cy="4129635"/>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7" name="Content Placeholder 2">
            <a:extLst>
              <a:ext uri="{FF2B5EF4-FFF2-40B4-BE49-F238E27FC236}">
                <a16:creationId xmlns:a16="http://schemas.microsoft.com/office/drawing/2014/main" id="{A665659D-ACA8-1C48-A044-2504F80CECD8}"/>
              </a:ext>
            </a:extLst>
          </p:cNvPr>
          <p:cNvSpPr>
            <a:spLocks noGrp="1"/>
          </p:cNvSpPr>
          <p:nvPr>
            <p:ph sz="half" idx="17"/>
          </p:nvPr>
        </p:nvSpPr>
        <p:spPr>
          <a:xfrm>
            <a:off x="5775342" y="1736889"/>
            <a:ext cx="4840137" cy="4129635"/>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Title 1">
            <a:extLst>
              <a:ext uri="{FF2B5EF4-FFF2-40B4-BE49-F238E27FC236}">
                <a16:creationId xmlns:a16="http://schemas.microsoft.com/office/drawing/2014/main" id="{AD9E3F7A-E3C8-5E4B-A92F-7463A17711EF}"/>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2226972055"/>
      </p:ext>
    </p:extLst>
  </p:cSld>
  <p:clrMapOvr>
    <a:masterClrMapping/>
  </p:clrMapOvr>
  <p:extLst>
    <p:ext uri="{DCECCB84-F9BA-43D5-87BE-67443E8EF086}">
      <p15:sldGuideLst xmlns:p15="http://schemas.microsoft.com/office/powerpoint/2012/main">
        <p15:guide id="1" orient="horz" pos="1320">
          <p15:clr>
            <a:srgbClr val="FBAE40"/>
          </p15:clr>
        </p15:guide>
        <p15:guide id="2" pos="3840">
          <p15:clr>
            <a:srgbClr val="FBAE40"/>
          </p15:clr>
        </p15:guide>
        <p15:guide id="3" orient="horz" pos="672">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F80C5E50-7BC2-0D4C-9D38-34773D1F7D13}"/>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10815865" y="0"/>
            <a:ext cx="1376135" cy="6858000"/>
          </a:xfrm>
          <a:prstGeom prst="rect">
            <a:avLst/>
          </a:prstGeom>
        </p:spPr>
      </p:pic>
      <p:sp>
        <p:nvSpPr>
          <p:cNvPr id="14" name="Content Placeholder 2">
            <a:extLst>
              <a:ext uri="{FF2B5EF4-FFF2-40B4-BE49-F238E27FC236}">
                <a16:creationId xmlns:a16="http://schemas.microsoft.com/office/drawing/2014/main" id="{1CD7A9FD-A7F9-A64B-AA00-A92D9745DFD5}"/>
              </a:ext>
            </a:extLst>
          </p:cNvPr>
          <p:cNvSpPr>
            <a:spLocks noGrp="1"/>
          </p:cNvSpPr>
          <p:nvPr>
            <p:ph sz="half" idx="1"/>
          </p:nvPr>
        </p:nvSpPr>
        <p:spPr>
          <a:xfrm>
            <a:off x="467360" y="1736890"/>
            <a:ext cx="10163643" cy="1099684"/>
          </a:xfrm>
          <a:prstGeom prst="rect">
            <a:avLst/>
          </a:prstGeom>
        </p:spPr>
        <p:txBody>
          <a:bodyPr/>
          <a:lstStyle>
            <a:lvl1pPr marL="9525" indent="0">
              <a:lnSpc>
                <a:spcPct val="110000"/>
              </a:lnSpc>
              <a:spcBef>
                <a:spcPts val="200"/>
              </a:spcBef>
              <a:buNone/>
              <a:tabLst/>
              <a:defRPr sz="1800"/>
            </a:lvl1pPr>
            <a:lvl2pPr marL="171450" indent="-161925">
              <a:lnSpc>
                <a:spcPct val="110000"/>
              </a:lnSpc>
              <a:spcBef>
                <a:spcPts val="200"/>
              </a:spcBef>
              <a:tabLst/>
              <a:defRPr sz="1800"/>
            </a:lvl2pPr>
            <a:lvl3pPr marL="344488" indent="-173038">
              <a:lnSpc>
                <a:spcPct val="110000"/>
              </a:lnSpc>
              <a:spcBef>
                <a:spcPts val="200"/>
              </a:spcBef>
              <a:buFont typeface="System Font Regular"/>
              <a:buChar char="−"/>
              <a:tabLst/>
              <a:defRPr sz="1600"/>
            </a:lvl3pPr>
            <a:lvl4pPr marL="466725" indent="-122238">
              <a:lnSpc>
                <a:spcPct val="110000"/>
              </a:lnSpc>
              <a:spcBef>
                <a:spcPts val="200"/>
              </a:spcBef>
              <a:buFont typeface="System Font Regular"/>
              <a:buChar char="-"/>
              <a:tabLst/>
              <a:defRPr sz="1600"/>
            </a:lvl4pPr>
            <a:lvl5pPr marL="577850" indent="-111125">
              <a:lnSpc>
                <a:spcPct val="110000"/>
              </a:lnSpc>
              <a:spcBef>
                <a:spcPts val="200"/>
              </a:spcBef>
              <a:buFont typeface="System Font Regular"/>
              <a:buChar char="◦"/>
              <a:tabLst/>
              <a:defRPr sz="1600"/>
            </a:lvl5pPr>
          </a:lstStyle>
          <a:p>
            <a:pPr lvl="0"/>
            <a:r>
              <a:rPr lang="en-US"/>
              <a:t>Click to edit Master text styles</a:t>
            </a:r>
          </a:p>
        </p:txBody>
      </p:sp>
      <p:sp>
        <p:nvSpPr>
          <p:cNvPr id="13" name="Footer Placeholder 3">
            <a:extLst>
              <a:ext uri="{FF2B5EF4-FFF2-40B4-BE49-F238E27FC236}">
                <a16:creationId xmlns:a16="http://schemas.microsoft.com/office/drawing/2014/main" id="{2726125D-719D-CD40-B207-E5B68D7C7DE6}"/>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6" name="Slide Number Placeholder 4">
            <a:extLst>
              <a:ext uri="{FF2B5EF4-FFF2-40B4-BE49-F238E27FC236}">
                <a16:creationId xmlns:a16="http://schemas.microsoft.com/office/drawing/2014/main" id="{72E89997-6C9C-C345-9A46-D1EF1D77361A}"/>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8" name="Picture 17">
            <a:extLst>
              <a:ext uri="{FF2B5EF4-FFF2-40B4-BE49-F238E27FC236}">
                <a16:creationId xmlns:a16="http://schemas.microsoft.com/office/drawing/2014/main" id="{EBD774CD-BE5D-4440-B6E4-F8A012908D50}"/>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
        <p:nvSpPr>
          <p:cNvPr id="11" name="Content Placeholder 2">
            <a:extLst>
              <a:ext uri="{FF2B5EF4-FFF2-40B4-BE49-F238E27FC236}">
                <a16:creationId xmlns:a16="http://schemas.microsoft.com/office/drawing/2014/main" id="{34D1EF26-A0FF-FA4E-A2D8-09D2A7D08B00}"/>
              </a:ext>
            </a:extLst>
          </p:cNvPr>
          <p:cNvSpPr>
            <a:spLocks noGrp="1"/>
          </p:cNvSpPr>
          <p:nvPr>
            <p:ph sz="half" idx="17"/>
          </p:nvPr>
        </p:nvSpPr>
        <p:spPr>
          <a:xfrm>
            <a:off x="467362" y="2873021"/>
            <a:ext cx="3230880" cy="3182868"/>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9" name="Content Placeholder 2">
            <a:extLst>
              <a:ext uri="{FF2B5EF4-FFF2-40B4-BE49-F238E27FC236}">
                <a16:creationId xmlns:a16="http://schemas.microsoft.com/office/drawing/2014/main" id="{D8C4EF68-72B5-1248-8541-21839D37A7C5}"/>
              </a:ext>
            </a:extLst>
          </p:cNvPr>
          <p:cNvSpPr>
            <a:spLocks noGrp="1"/>
          </p:cNvSpPr>
          <p:nvPr>
            <p:ph sz="half" idx="18"/>
          </p:nvPr>
        </p:nvSpPr>
        <p:spPr>
          <a:xfrm>
            <a:off x="7433157" y="2873021"/>
            <a:ext cx="3230880" cy="3182868"/>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Content Placeholder 2">
            <a:extLst>
              <a:ext uri="{FF2B5EF4-FFF2-40B4-BE49-F238E27FC236}">
                <a16:creationId xmlns:a16="http://schemas.microsoft.com/office/drawing/2014/main" id="{53F937E5-B83A-9B46-8E0A-899E2C538BA8}"/>
              </a:ext>
            </a:extLst>
          </p:cNvPr>
          <p:cNvSpPr>
            <a:spLocks noGrp="1"/>
          </p:cNvSpPr>
          <p:nvPr>
            <p:ph sz="half" idx="19"/>
          </p:nvPr>
        </p:nvSpPr>
        <p:spPr>
          <a:xfrm>
            <a:off x="3946542" y="2873021"/>
            <a:ext cx="3230880" cy="3182868"/>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Title 1">
            <a:extLst>
              <a:ext uri="{FF2B5EF4-FFF2-40B4-BE49-F238E27FC236}">
                <a16:creationId xmlns:a16="http://schemas.microsoft.com/office/drawing/2014/main" id="{FC1AAE79-1D7F-B743-9865-B799FF50EF52}"/>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3680533967"/>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type="secHead" preserve="1">
  <p:cSld name="2_Section Header - Blue">
    <p:bg>
      <p:bgPr>
        <a:solidFill>
          <a:schemeClr val="tx1"/>
        </a:solidFill>
        <a:effectLst/>
      </p:bgPr>
    </p:bg>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2FED8407-5C14-C54C-8E21-EE30525E24A2}"/>
              </a:ext>
            </a:extLst>
          </p:cNvPr>
          <p:cNvPicPr>
            <a:picLocks noChangeAspect="1"/>
          </p:cNvPicPr>
          <p:nvPr userDrawn="1"/>
        </p:nvPicPr>
        <p:blipFill>
          <a:blip r:embed="rId2" cstate="screen">
            <a:extLst>
              <a:ext uri="{28A0092B-C50C-407E-A947-70E740481C1C}">
                <a14:useLocalDpi xmlns:a14="http://schemas.microsoft.com/office/drawing/2010/main" val="0"/>
              </a:ext>
            </a:extLst>
          </a:blip>
          <a:srcRect/>
          <a:stretch/>
        </p:blipFill>
        <p:spPr>
          <a:xfrm>
            <a:off x="571499" y="5866525"/>
            <a:ext cx="1375997" cy="488619"/>
          </a:xfrm>
          <a:prstGeom prst="rect">
            <a:avLst/>
          </a:prstGeom>
        </p:spPr>
      </p:pic>
      <p:pic>
        <p:nvPicPr>
          <p:cNvPr id="8" name="Picture 7">
            <a:extLst>
              <a:ext uri="{FF2B5EF4-FFF2-40B4-BE49-F238E27FC236}">
                <a16:creationId xmlns:a16="http://schemas.microsoft.com/office/drawing/2014/main" id="{47B053FD-6605-F045-A5E9-280935FAE7FE}"/>
              </a:ext>
            </a:extLst>
          </p:cNvPr>
          <p:cNvPicPr>
            <a:picLocks noChangeAspect="1"/>
          </p:cNvPicPr>
          <p:nvPr userDrawn="1"/>
        </p:nvPicPr>
        <p:blipFill rotWithShape="1">
          <a:blip r:embed="rId3" cstate="screen">
            <a:alphaModFix amt="5000"/>
            <a:extLst>
              <a:ext uri="{28A0092B-C50C-407E-A947-70E740481C1C}">
                <a14:useLocalDpi xmlns:a14="http://schemas.microsoft.com/office/drawing/2010/main" val="0"/>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19" y="1133269"/>
            <a:ext cx="11277599" cy="2852737"/>
          </a:xfrm>
        </p:spPr>
        <p:txBody>
          <a:bodyPr anchor="b"/>
          <a:lstStyle>
            <a:lvl1pPr>
              <a:defRPr sz="6000">
                <a:solidFill>
                  <a:schemeClr val="accent2"/>
                </a:solidFill>
              </a:defRPr>
            </a:lvl1pPr>
          </a:lstStyle>
          <a:p>
            <a:r>
              <a:rPr lang="en-US"/>
              <a:t>Click to edit Master title style</a:t>
            </a:r>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477519" y="4012994"/>
            <a:ext cx="11277599" cy="1500187"/>
          </a:xfrm>
          <a:prstGeom prst="rect">
            <a:avLst/>
          </a:prstGeom>
        </p:spPr>
        <p:txBody>
          <a:bodyPr/>
          <a:lstStyle>
            <a:lvl1pPr marL="0" indent="0">
              <a:buNone/>
              <a:defRPr sz="2400">
                <a:solidFill>
                  <a:schemeClr val="accent2"/>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11" name="Footer Placeholder 3">
            <a:extLst>
              <a:ext uri="{FF2B5EF4-FFF2-40B4-BE49-F238E27FC236}">
                <a16:creationId xmlns:a16="http://schemas.microsoft.com/office/drawing/2014/main" id="{3D457411-35B4-B54D-92F3-75D60B2F7A79}"/>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2" name="Slide Number Placeholder 4">
            <a:extLst>
              <a:ext uri="{FF2B5EF4-FFF2-40B4-BE49-F238E27FC236}">
                <a16:creationId xmlns:a16="http://schemas.microsoft.com/office/drawing/2014/main" id="{9B7573E2-8A02-9B45-9142-7DB7AAF1C1BF}"/>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1726332510"/>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53BD6463-37BC-B947-B125-66DA0D52E76D}"/>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10815865" y="0"/>
            <a:ext cx="1376135" cy="6858000"/>
          </a:xfrm>
          <a:prstGeom prst="rect">
            <a:avLst/>
          </a:prstGeom>
        </p:spPr>
      </p:pic>
      <p:sp>
        <p:nvSpPr>
          <p:cNvPr id="12" name="Footer Placeholder 3">
            <a:extLst>
              <a:ext uri="{FF2B5EF4-FFF2-40B4-BE49-F238E27FC236}">
                <a16:creationId xmlns:a16="http://schemas.microsoft.com/office/drawing/2014/main" id="{0FBD2FE2-7A87-B943-A648-658C7CBCB62C}"/>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3" name="Slide Number Placeholder 4">
            <a:extLst>
              <a:ext uri="{FF2B5EF4-FFF2-40B4-BE49-F238E27FC236}">
                <a16:creationId xmlns:a16="http://schemas.microsoft.com/office/drawing/2014/main" id="{CBF17567-4F75-E840-851B-9B3D0EA47811}"/>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4" name="Picture 13">
            <a:extLst>
              <a:ext uri="{FF2B5EF4-FFF2-40B4-BE49-F238E27FC236}">
                <a16:creationId xmlns:a16="http://schemas.microsoft.com/office/drawing/2014/main" id="{70931FFF-153B-8043-B70C-C2D47AA3ABDB}"/>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
        <p:nvSpPr>
          <p:cNvPr id="10" name="Content Placeholder 2">
            <a:extLst>
              <a:ext uri="{FF2B5EF4-FFF2-40B4-BE49-F238E27FC236}">
                <a16:creationId xmlns:a16="http://schemas.microsoft.com/office/drawing/2014/main" id="{72E15CC1-2641-0148-9340-7B80559B3147}"/>
              </a:ext>
            </a:extLst>
          </p:cNvPr>
          <p:cNvSpPr>
            <a:spLocks noGrp="1"/>
          </p:cNvSpPr>
          <p:nvPr>
            <p:ph sz="half" idx="17"/>
          </p:nvPr>
        </p:nvSpPr>
        <p:spPr>
          <a:xfrm>
            <a:off x="467361" y="1737222"/>
            <a:ext cx="3251199" cy="4178921"/>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Content Placeholder 2">
            <a:extLst>
              <a:ext uri="{FF2B5EF4-FFF2-40B4-BE49-F238E27FC236}">
                <a16:creationId xmlns:a16="http://schemas.microsoft.com/office/drawing/2014/main" id="{8A1DC570-C97B-584C-BF99-6412324F47E0}"/>
              </a:ext>
            </a:extLst>
          </p:cNvPr>
          <p:cNvSpPr>
            <a:spLocks noGrp="1"/>
          </p:cNvSpPr>
          <p:nvPr>
            <p:ph sz="half" idx="18"/>
          </p:nvPr>
        </p:nvSpPr>
        <p:spPr>
          <a:xfrm>
            <a:off x="7366249" y="1737222"/>
            <a:ext cx="3251199" cy="4178921"/>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2">
            <a:extLst>
              <a:ext uri="{FF2B5EF4-FFF2-40B4-BE49-F238E27FC236}">
                <a16:creationId xmlns:a16="http://schemas.microsoft.com/office/drawing/2014/main" id="{5F2DE87A-C545-4A43-AB29-EED653D261F7}"/>
              </a:ext>
            </a:extLst>
          </p:cNvPr>
          <p:cNvSpPr>
            <a:spLocks noGrp="1"/>
          </p:cNvSpPr>
          <p:nvPr>
            <p:ph sz="half" idx="19"/>
          </p:nvPr>
        </p:nvSpPr>
        <p:spPr>
          <a:xfrm>
            <a:off x="3931674" y="1737222"/>
            <a:ext cx="3251199" cy="4178921"/>
          </a:xfrm>
          <a:prstGeom prst="rect">
            <a:avLst/>
          </a:prstGeom>
        </p:spPr>
        <p:txBody>
          <a:bodyPr/>
          <a:lstStyle>
            <a:lvl1pPr marL="9525" indent="0">
              <a:lnSpc>
                <a:spcPct val="100000"/>
              </a:lnSpc>
              <a:spcBef>
                <a:spcPts val="0"/>
              </a:spcBef>
              <a:spcAft>
                <a:spcPts val="200"/>
              </a:spcAft>
              <a:buNone/>
              <a:tabLst/>
              <a:defRPr sz="18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4DE915F4-8AA2-EC46-9AEE-C6DC0C74FFA7}"/>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3598264086"/>
      </p:ext>
    </p:extLst>
  </p:cSld>
  <p:clrMapOvr>
    <a:masterClrMapping/>
  </p:clrMapOvr>
  <p:extLst>
    <p:ext uri="{DCECCB84-F9BA-43D5-87BE-67443E8EF086}">
      <p15:sldGuideLst xmlns:p15="http://schemas.microsoft.com/office/powerpoint/2012/main">
        <p15:guide id="1" orient="horz" pos="1320">
          <p15:clr>
            <a:srgbClr val="FBAE40"/>
          </p15:clr>
        </p15:guide>
        <p15:guide id="2" pos="3840">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60CF4968-2CC9-F14F-ADB3-178C19706718}"/>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10815865" y="0"/>
            <a:ext cx="1376135" cy="6858000"/>
          </a:xfrm>
          <a:prstGeom prst="rect">
            <a:avLst/>
          </a:prstGeom>
        </p:spPr>
      </p:pic>
      <p:sp>
        <p:nvSpPr>
          <p:cNvPr id="8" name="Footer Placeholder 3">
            <a:extLst>
              <a:ext uri="{FF2B5EF4-FFF2-40B4-BE49-F238E27FC236}">
                <a16:creationId xmlns:a16="http://schemas.microsoft.com/office/drawing/2014/main" id="{D3A14F05-9D8B-474D-BAD8-C65B304F82A0}"/>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9" name="Slide Number Placeholder 4">
            <a:extLst>
              <a:ext uri="{FF2B5EF4-FFF2-40B4-BE49-F238E27FC236}">
                <a16:creationId xmlns:a16="http://schemas.microsoft.com/office/drawing/2014/main" id="{F81FA8A5-B982-B049-97A0-8B4D36B23738}"/>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0" name="Picture 9">
            <a:extLst>
              <a:ext uri="{FF2B5EF4-FFF2-40B4-BE49-F238E27FC236}">
                <a16:creationId xmlns:a16="http://schemas.microsoft.com/office/drawing/2014/main" id="{F707A58A-AFDF-BB40-803D-9C80A9760B54}"/>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
        <p:nvSpPr>
          <p:cNvPr id="12" name="Title 1">
            <a:extLst>
              <a:ext uri="{FF2B5EF4-FFF2-40B4-BE49-F238E27FC236}">
                <a16:creationId xmlns:a16="http://schemas.microsoft.com/office/drawing/2014/main" id="{ECAFF5CA-A238-D64F-83AF-EE1C2D4C08E3}"/>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2000852879"/>
      </p:ext>
    </p:extLst>
  </p:cSld>
  <p:clrMapOvr>
    <a:masterClrMapping/>
  </p:clrMapOvr>
  <p:extLst>
    <p:ext uri="{DCECCB84-F9BA-43D5-87BE-67443E8EF086}">
      <p15:sldGuideLst xmlns:p15="http://schemas.microsoft.com/office/powerpoint/2012/main">
        <p15:guide id="1" orient="horz" pos="696">
          <p15:clr>
            <a:srgbClr val="FBAE40"/>
          </p15:clr>
        </p15:guide>
        <p15:guide id="2" pos="288">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12" name="Picture Placeholder 10">
            <a:extLst>
              <a:ext uri="{FF2B5EF4-FFF2-40B4-BE49-F238E27FC236}">
                <a16:creationId xmlns:a16="http://schemas.microsoft.com/office/drawing/2014/main" id="{676FB7A0-D042-924A-9CDC-846428AA4D24}"/>
              </a:ext>
            </a:extLst>
          </p:cNvPr>
          <p:cNvSpPr>
            <a:spLocks noGrp="1"/>
          </p:cNvSpPr>
          <p:nvPr>
            <p:ph type="pic" sz="quarter" idx="13"/>
          </p:nvPr>
        </p:nvSpPr>
        <p:spPr>
          <a:xfrm>
            <a:off x="3178339" y="2177741"/>
            <a:ext cx="1735572" cy="2115964"/>
          </a:xfrm>
          <a:prstGeom prst="rect">
            <a:avLst/>
          </a:prstGeom>
          <a:solidFill>
            <a:schemeClr val="bg2"/>
          </a:solidFill>
          <a:ln>
            <a:solidFill>
              <a:schemeClr val="bg2"/>
            </a:solidFill>
          </a:ln>
        </p:spPr>
        <p:txBody>
          <a:bodyPr/>
          <a:lstStyle>
            <a:lvl1pPr marL="0" indent="0">
              <a:buNone/>
              <a:defRPr sz="1200"/>
            </a:lvl1pPr>
          </a:lstStyle>
          <a:p>
            <a:r>
              <a:rPr lang="en-US" dirty="0"/>
              <a:t>Click icon to add</a:t>
            </a:r>
          </a:p>
        </p:txBody>
      </p:sp>
      <p:sp>
        <p:nvSpPr>
          <p:cNvPr id="18" name="Footer Placeholder 3">
            <a:extLst>
              <a:ext uri="{FF2B5EF4-FFF2-40B4-BE49-F238E27FC236}">
                <a16:creationId xmlns:a16="http://schemas.microsoft.com/office/drawing/2014/main" id="{DB2C12D8-11D9-1C4F-A4F2-833667AEE722}"/>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9" name="Slide Number Placeholder 4">
            <a:extLst>
              <a:ext uri="{FF2B5EF4-FFF2-40B4-BE49-F238E27FC236}">
                <a16:creationId xmlns:a16="http://schemas.microsoft.com/office/drawing/2014/main" id="{C7001E5F-FD57-8C4D-B8D4-AA24D2A71277}"/>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21" name="Picture 20">
            <a:extLst>
              <a:ext uri="{FF2B5EF4-FFF2-40B4-BE49-F238E27FC236}">
                <a16:creationId xmlns:a16="http://schemas.microsoft.com/office/drawing/2014/main" id="{C11427DF-FCDB-ED4E-A18C-8631E5480B3E}"/>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10815865" y="11917"/>
            <a:ext cx="1376135" cy="6858000"/>
          </a:xfrm>
          <a:prstGeom prst="rect">
            <a:avLst/>
          </a:prstGeom>
        </p:spPr>
      </p:pic>
      <p:sp>
        <p:nvSpPr>
          <p:cNvPr id="25" name="Picture Placeholder 10">
            <a:extLst>
              <a:ext uri="{FF2B5EF4-FFF2-40B4-BE49-F238E27FC236}">
                <a16:creationId xmlns:a16="http://schemas.microsoft.com/office/drawing/2014/main" id="{5B197474-C28E-264F-A191-C653B676F292}"/>
              </a:ext>
            </a:extLst>
          </p:cNvPr>
          <p:cNvSpPr>
            <a:spLocks noGrp="1"/>
          </p:cNvSpPr>
          <p:nvPr>
            <p:ph type="pic" sz="quarter" idx="14"/>
          </p:nvPr>
        </p:nvSpPr>
        <p:spPr>
          <a:xfrm>
            <a:off x="5132963" y="2177741"/>
            <a:ext cx="1735572" cy="2115964"/>
          </a:xfrm>
          <a:prstGeom prst="rect">
            <a:avLst/>
          </a:prstGeom>
          <a:solidFill>
            <a:schemeClr val="bg2"/>
          </a:solidFill>
          <a:ln>
            <a:solidFill>
              <a:schemeClr val="bg2"/>
            </a:solidFill>
          </a:ln>
        </p:spPr>
        <p:txBody>
          <a:bodyPr/>
          <a:lstStyle>
            <a:lvl1pPr marL="0" indent="0">
              <a:buNone/>
              <a:defRPr sz="1200"/>
            </a:lvl1pPr>
          </a:lstStyle>
          <a:p>
            <a:r>
              <a:rPr lang="en-US" dirty="0"/>
              <a:t>Click icon to add</a:t>
            </a:r>
          </a:p>
        </p:txBody>
      </p:sp>
      <p:sp>
        <p:nvSpPr>
          <p:cNvPr id="27" name="Picture Placeholder 10">
            <a:extLst>
              <a:ext uri="{FF2B5EF4-FFF2-40B4-BE49-F238E27FC236}">
                <a16:creationId xmlns:a16="http://schemas.microsoft.com/office/drawing/2014/main" id="{65DBD25F-D543-FE45-9AA0-ECB17D01C287}"/>
              </a:ext>
            </a:extLst>
          </p:cNvPr>
          <p:cNvSpPr>
            <a:spLocks noGrp="1"/>
          </p:cNvSpPr>
          <p:nvPr>
            <p:ph type="pic" sz="quarter" idx="15"/>
          </p:nvPr>
        </p:nvSpPr>
        <p:spPr>
          <a:xfrm>
            <a:off x="7087587" y="2177741"/>
            <a:ext cx="1735572" cy="2115964"/>
          </a:xfrm>
          <a:prstGeom prst="rect">
            <a:avLst/>
          </a:prstGeom>
          <a:solidFill>
            <a:schemeClr val="bg2"/>
          </a:solidFill>
          <a:ln>
            <a:solidFill>
              <a:schemeClr val="bg2"/>
            </a:solidFill>
          </a:ln>
        </p:spPr>
        <p:txBody>
          <a:bodyPr/>
          <a:lstStyle>
            <a:lvl1pPr marL="0" indent="0">
              <a:buNone/>
              <a:defRPr sz="1200"/>
            </a:lvl1pPr>
          </a:lstStyle>
          <a:p>
            <a:r>
              <a:rPr lang="en-US" dirty="0"/>
              <a:t>Click icon to add</a:t>
            </a:r>
          </a:p>
        </p:txBody>
      </p:sp>
      <p:sp>
        <p:nvSpPr>
          <p:cNvPr id="29" name="Picture Placeholder 10">
            <a:extLst>
              <a:ext uri="{FF2B5EF4-FFF2-40B4-BE49-F238E27FC236}">
                <a16:creationId xmlns:a16="http://schemas.microsoft.com/office/drawing/2014/main" id="{9D385B91-EB33-4D4F-A861-61A09B612AA7}"/>
              </a:ext>
            </a:extLst>
          </p:cNvPr>
          <p:cNvSpPr>
            <a:spLocks noGrp="1"/>
          </p:cNvSpPr>
          <p:nvPr>
            <p:ph type="pic" sz="quarter" idx="16"/>
          </p:nvPr>
        </p:nvSpPr>
        <p:spPr>
          <a:xfrm>
            <a:off x="9042211" y="2177741"/>
            <a:ext cx="1735572" cy="2115964"/>
          </a:xfrm>
          <a:prstGeom prst="rect">
            <a:avLst/>
          </a:prstGeom>
          <a:solidFill>
            <a:schemeClr val="bg2"/>
          </a:solidFill>
          <a:ln>
            <a:solidFill>
              <a:schemeClr val="bg2"/>
            </a:solidFill>
          </a:ln>
        </p:spPr>
        <p:txBody>
          <a:bodyPr/>
          <a:lstStyle>
            <a:lvl1pPr marL="0" indent="0">
              <a:buNone/>
              <a:defRPr sz="1200"/>
            </a:lvl1pPr>
          </a:lstStyle>
          <a:p>
            <a:r>
              <a:rPr lang="en-US" dirty="0"/>
              <a:t>Click icon to add</a:t>
            </a:r>
          </a:p>
        </p:txBody>
      </p:sp>
      <p:pic>
        <p:nvPicPr>
          <p:cNvPr id="22" name="Picture 21">
            <a:extLst>
              <a:ext uri="{FF2B5EF4-FFF2-40B4-BE49-F238E27FC236}">
                <a16:creationId xmlns:a16="http://schemas.microsoft.com/office/drawing/2014/main" id="{E738C3FB-1AE5-C04A-9A18-A9946396F834}"/>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
        <p:nvSpPr>
          <p:cNvPr id="17" name="Content Placeholder 2">
            <a:extLst>
              <a:ext uri="{FF2B5EF4-FFF2-40B4-BE49-F238E27FC236}">
                <a16:creationId xmlns:a16="http://schemas.microsoft.com/office/drawing/2014/main" id="{BC86CF06-49C6-9642-A02C-B8C9736ABD58}"/>
              </a:ext>
            </a:extLst>
          </p:cNvPr>
          <p:cNvSpPr>
            <a:spLocks noGrp="1"/>
          </p:cNvSpPr>
          <p:nvPr>
            <p:ph sz="half" idx="17"/>
          </p:nvPr>
        </p:nvSpPr>
        <p:spPr>
          <a:xfrm>
            <a:off x="467361" y="2104589"/>
            <a:ext cx="2449575" cy="3182868"/>
          </a:xfrm>
          <a:prstGeom prst="rect">
            <a:avLst/>
          </a:prstGeom>
        </p:spPr>
        <p:txBody>
          <a:bodyPr/>
          <a:lstStyle>
            <a:lvl1pPr marL="9525" indent="0">
              <a:lnSpc>
                <a:spcPct val="100000"/>
              </a:lnSpc>
              <a:spcBef>
                <a:spcPts val="0"/>
              </a:spcBef>
              <a:spcAft>
                <a:spcPts val="200"/>
              </a:spcAft>
              <a:buNone/>
              <a:tabLst/>
              <a:defRPr sz="1600"/>
            </a:lvl1pPr>
            <a:lvl2pPr marL="171450" indent="-161925">
              <a:lnSpc>
                <a:spcPct val="100000"/>
              </a:lnSpc>
              <a:spcBef>
                <a:spcPts val="200"/>
              </a:spcBef>
              <a:tabLst/>
              <a:defRPr sz="1600"/>
            </a:lvl2pPr>
            <a:lvl3pPr marL="344488" indent="-173038">
              <a:lnSpc>
                <a:spcPct val="100000"/>
              </a:lnSpc>
              <a:spcBef>
                <a:spcPts val="200"/>
              </a:spcBef>
              <a:buFont typeface="System Font Regular"/>
              <a:buChar char="−"/>
              <a:tabLst/>
              <a:defRPr sz="1600"/>
            </a:lvl3pPr>
            <a:lvl4pPr marL="466725" indent="-122238">
              <a:lnSpc>
                <a:spcPct val="100000"/>
              </a:lnSpc>
              <a:spcBef>
                <a:spcPts val="200"/>
              </a:spcBef>
              <a:buFont typeface="System Font Regular"/>
              <a:buChar char="-"/>
              <a:tabLst/>
              <a:defRPr sz="1600"/>
            </a:lvl4pPr>
            <a:lvl5pPr marL="577850" indent="-111125">
              <a:lnSpc>
                <a:spcPct val="100000"/>
              </a:lnSpc>
              <a:spcBef>
                <a:spcPts val="200"/>
              </a:spcBef>
              <a:buFont typeface="System Font Regular"/>
              <a:buChar char="◦"/>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Content Placeholder 2">
            <a:extLst>
              <a:ext uri="{FF2B5EF4-FFF2-40B4-BE49-F238E27FC236}">
                <a16:creationId xmlns:a16="http://schemas.microsoft.com/office/drawing/2014/main" id="{77C03EA8-A73C-1C41-926C-20D24247968A}"/>
              </a:ext>
            </a:extLst>
          </p:cNvPr>
          <p:cNvSpPr>
            <a:spLocks noGrp="1"/>
          </p:cNvSpPr>
          <p:nvPr>
            <p:ph sz="half" idx="18"/>
          </p:nvPr>
        </p:nvSpPr>
        <p:spPr>
          <a:xfrm>
            <a:off x="3062690" y="4354013"/>
            <a:ext cx="1868721" cy="2503987"/>
          </a:xfrm>
          <a:prstGeom prst="rect">
            <a:avLst/>
          </a:prstGeom>
        </p:spPr>
        <p:txBody>
          <a:bodyPr>
            <a:normAutofit/>
          </a:bodyPr>
          <a:lstStyle>
            <a:lvl1pPr marL="9525" indent="0">
              <a:lnSpc>
                <a:spcPct val="100000"/>
              </a:lnSpc>
              <a:spcBef>
                <a:spcPts val="0"/>
              </a:spcBef>
              <a:spcAft>
                <a:spcPts val="200"/>
              </a:spcAft>
              <a:buNone/>
              <a:tabLst/>
              <a:defRPr sz="1200" b="1"/>
            </a:lvl1pPr>
            <a:lvl2pPr marL="9525" indent="0">
              <a:lnSpc>
                <a:spcPct val="100000"/>
              </a:lnSpc>
              <a:spcBef>
                <a:spcPts val="200"/>
              </a:spcBef>
              <a:buNone/>
              <a:tabLst/>
              <a:defRPr sz="1200"/>
            </a:lvl2pPr>
            <a:lvl3pPr marL="344488" indent="-173038">
              <a:lnSpc>
                <a:spcPct val="100000"/>
              </a:lnSpc>
              <a:spcBef>
                <a:spcPts val="200"/>
              </a:spcBef>
              <a:buFont typeface="System Font Regular"/>
              <a:buChar char="−"/>
              <a:tabLst/>
              <a:defRPr sz="1200"/>
            </a:lvl3pPr>
            <a:lvl4pPr marL="466725" indent="-122238">
              <a:lnSpc>
                <a:spcPct val="100000"/>
              </a:lnSpc>
              <a:spcBef>
                <a:spcPts val="200"/>
              </a:spcBef>
              <a:buFont typeface="System Font Regular"/>
              <a:buChar char="-"/>
              <a:tabLst/>
              <a:defRPr sz="1200"/>
            </a:lvl4pPr>
            <a:lvl5pPr marL="577850" indent="-111125">
              <a:lnSpc>
                <a:spcPct val="100000"/>
              </a:lnSpc>
              <a:spcBef>
                <a:spcPts val="200"/>
              </a:spcBef>
              <a:buFont typeface="System Font Regular"/>
              <a:buChar char="◦"/>
              <a:tabLst/>
              <a:defRPr sz="1200"/>
            </a:lvl5pPr>
          </a:lstStyle>
          <a:p>
            <a:pPr lvl="0"/>
            <a:r>
              <a:rPr lang="en-US"/>
              <a:t>Click to edit Master text styles</a:t>
            </a:r>
          </a:p>
          <a:p>
            <a:pPr lvl="1"/>
            <a:r>
              <a:rPr lang="en-US"/>
              <a:t>Second level</a:t>
            </a:r>
          </a:p>
        </p:txBody>
      </p:sp>
      <p:sp>
        <p:nvSpPr>
          <p:cNvPr id="23" name="Content Placeholder 2">
            <a:extLst>
              <a:ext uri="{FF2B5EF4-FFF2-40B4-BE49-F238E27FC236}">
                <a16:creationId xmlns:a16="http://schemas.microsoft.com/office/drawing/2014/main" id="{744C6A02-886C-D54B-B46D-648EC502E0F9}"/>
              </a:ext>
            </a:extLst>
          </p:cNvPr>
          <p:cNvSpPr>
            <a:spLocks noGrp="1"/>
          </p:cNvSpPr>
          <p:nvPr>
            <p:ph sz="half" idx="19"/>
          </p:nvPr>
        </p:nvSpPr>
        <p:spPr>
          <a:xfrm>
            <a:off x="5029040" y="4354013"/>
            <a:ext cx="1868721" cy="2503987"/>
          </a:xfrm>
          <a:prstGeom prst="rect">
            <a:avLst/>
          </a:prstGeom>
        </p:spPr>
        <p:txBody>
          <a:bodyPr>
            <a:normAutofit/>
          </a:bodyPr>
          <a:lstStyle>
            <a:lvl1pPr marL="9525" indent="0">
              <a:lnSpc>
                <a:spcPct val="100000"/>
              </a:lnSpc>
              <a:spcBef>
                <a:spcPts val="0"/>
              </a:spcBef>
              <a:spcAft>
                <a:spcPts val="200"/>
              </a:spcAft>
              <a:buNone/>
              <a:tabLst/>
              <a:defRPr sz="1200" b="1"/>
            </a:lvl1pPr>
            <a:lvl2pPr marL="9525" indent="0">
              <a:lnSpc>
                <a:spcPct val="100000"/>
              </a:lnSpc>
              <a:spcBef>
                <a:spcPts val="200"/>
              </a:spcBef>
              <a:buNone/>
              <a:tabLst/>
              <a:defRPr sz="1200"/>
            </a:lvl2pPr>
            <a:lvl3pPr marL="344488" indent="-173038">
              <a:lnSpc>
                <a:spcPct val="100000"/>
              </a:lnSpc>
              <a:spcBef>
                <a:spcPts val="200"/>
              </a:spcBef>
              <a:buFont typeface="System Font Regular"/>
              <a:buChar char="−"/>
              <a:tabLst/>
              <a:defRPr sz="1200"/>
            </a:lvl3pPr>
            <a:lvl4pPr marL="466725" indent="-122238">
              <a:lnSpc>
                <a:spcPct val="100000"/>
              </a:lnSpc>
              <a:spcBef>
                <a:spcPts val="200"/>
              </a:spcBef>
              <a:buFont typeface="System Font Regular"/>
              <a:buChar char="-"/>
              <a:tabLst/>
              <a:defRPr sz="1200"/>
            </a:lvl4pPr>
            <a:lvl5pPr marL="577850" indent="-111125">
              <a:lnSpc>
                <a:spcPct val="100000"/>
              </a:lnSpc>
              <a:spcBef>
                <a:spcPts val="200"/>
              </a:spcBef>
              <a:buFont typeface="System Font Regular"/>
              <a:buChar char="◦"/>
              <a:tabLst/>
              <a:defRPr sz="1200"/>
            </a:lvl5pPr>
          </a:lstStyle>
          <a:p>
            <a:pPr lvl="0"/>
            <a:r>
              <a:rPr lang="en-US"/>
              <a:t>Click to edit Master text styles</a:t>
            </a:r>
          </a:p>
          <a:p>
            <a:pPr lvl="1"/>
            <a:r>
              <a:rPr lang="en-US"/>
              <a:t>Second level</a:t>
            </a:r>
          </a:p>
        </p:txBody>
      </p:sp>
      <p:sp>
        <p:nvSpPr>
          <p:cNvPr id="31" name="Content Placeholder 2">
            <a:extLst>
              <a:ext uri="{FF2B5EF4-FFF2-40B4-BE49-F238E27FC236}">
                <a16:creationId xmlns:a16="http://schemas.microsoft.com/office/drawing/2014/main" id="{A89BD80A-9679-A244-842A-2602A4396E1C}"/>
              </a:ext>
            </a:extLst>
          </p:cNvPr>
          <p:cNvSpPr>
            <a:spLocks noGrp="1"/>
          </p:cNvSpPr>
          <p:nvPr>
            <p:ph sz="half" idx="20"/>
          </p:nvPr>
        </p:nvSpPr>
        <p:spPr>
          <a:xfrm>
            <a:off x="7005321" y="4354013"/>
            <a:ext cx="1868721" cy="2503987"/>
          </a:xfrm>
          <a:prstGeom prst="rect">
            <a:avLst/>
          </a:prstGeom>
        </p:spPr>
        <p:txBody>
          <a:bodyPr>
            <a:normAutofit/>
          </a:bodyPr>
          <a:lstStyle>
            <a:lvl1pPr marL="9525" indent="0">
              <a:lnSpc>
                <a:spcPct val="100000"/>
              </a:lnSpc>
              <a:spcBef>
                <a:spcPts val="0"/>
              </a:spcBef>
              <a:spcAft>
                <a:spcPts val="200"/>
              </a:spcAft>
              <a:buNone/>
              <a:tabLst/>
              <a:defRPr sz="1200" b="1"/>
            </a:lvl1pPr>
            <a:lvl2pPr marL="9525" indent="0">
              <a:lnSpc>
                <a:spcPct val="100000"/>
              </a:lnSpc>
              <a:spcBef>
                <a:spcPts val="200"/>
              </a:spcBef>
              <a:buNone/>
              <a:tabLst/>
              <a:defRPr sz="1200"/>
            </a:lvl2pPr>
            <a:lvl3pPr marL="344488" indent="-173038">
              <a:lnSpc>
                <a:spcPct val="100000"/>
              </a:lnSpc>
              <a:spcBef>
                <a:spcPts val="200"/>
              </a:spcBef>
              <a:buFont typeface="System Font Regular"/>
              <a:buChar char="−"/>
              <a:tabLst/>
              <a:defRPr sz="1200"/>
            </a:lvl3pPr>
            <a:lvl4pPr marL="466725" indent="-122238">
              <a:lnSpc>
                <a:spcPct val="100000"/>
              </a:lnSpc>
              <a:spcBef>
                <a:spcPts val="200"/>
              </a:spcBef>
              <a:buFont typeface="System Font Regular"/>
              <a:buChar char="-"/>
              <a:tabLst/>
              <a:defRPr sz="1200"/>
            </a:lvl4pPr>
            <a:lvl5pPr marL="577850" indent="-111125">
              <a:lnSpc>
                <a:spcPct val="100000"/>
              </a:lnSpc>
              <a:spcBef>
                <a:spcPts val="200"/>
              </a:spcBef>
              <a:buFont typeface="System Font Regular"/>
              <a:buChar char="◦"/>
              <a:tabLst/>
              <a:defRPr sz="1200"/>
            </a:lvl5pPr>
          </a:lstStyle>
          <a:p>
            <a:pPr lvl="0"/>
            <a:r>
              <a:rPr lang="en-US"/>
              <a:t>Click to edit Master text styles</a:t>
            </a:r>
          </a:p>
          <a:p>
            <a:pPr lvl="1"/>
            <a:r>
              <a:rPr lang="en-US"/>
              <a:t>Second level</a:t>
            </a:r>
          </a:p>
        </p:txBody>
      </p:sp>
      <p:sp>
        <p:nvSpPr>
          <p:cNvPr id="32" name="Content Placeholder 2">
            <a:extLst>
              <a:ext uri="{FF2B5EF4-FFF2-40B4-BE49-F238E27FC236}">
                <a16:creationId xmlns:a16="http://schemas.microsoft.com/office/drawing/2014/main" id="{5E207525-76D2-EF4E-B88E-FC1A0CD4588A}"/>
              </a:ext>
            </a:extLst>
          </p:cNvPr>
          <p:cNvSpPr>
            <a:spLocks noGrp="1"/>
          </p:cNvSpPr>
          <p:nvPr>
            <p:ph sz="half" idx="21"/>
          </p:nvPr>
        </p:nvSpPr>
        <p:spPr>
          <a:xfrm>
            <a:off x="8933453" y="4354013"/>
            <a:ext cx="1868721" cy="2503987"/>
          </a:xfrm>
          <a:prstGeom prst="rect">
            <a:avLst/>
          </a:prstGeom>
        </p:spPr>
        <p:txBody>
          <a:bodyPr>
            <a:normAutofit/>
          </a:bodyPr>
          <a:lstStyle>
            <a:lvl1pPr marL="9525" indent="0">
              <a:lnSpc>
                <a:spcPct val="100000"/>
              </a:lnSpc>
              <a:spcBef>
                <a:spcPts val="0"/>
              </a:spcBef>
              <a:spcAft>
                <a:spcPts val="200"/>
              </a:spcAft>
              <a:buNone/>
              <a:tabLst/>
              <a:defRPr sz="1200" b="1"/>
            </a:lvl1pPr>
            <a:lvl2pPr marL="9525" indent="0">
              <a:lnSpc>
                <a:spcPct val="100000"/>
              </a:lnSpc>
              <a:spcBef>
                <a:spcPts val="200"/>
              </a:spcBef>
              <a:buNone/>
              <a:tabLst/>
              <a:defRPr sz="1200"/>
            </a:lvl2pPr>
            <a:lvl3pPr marL="344488" indent="-173038">
              <a:lnSpc>
                <a:spcPct val="100000"/>
              </a:lnSpc>
              <a:spcBef>
                <a:spcPts val="200"/>
              </a:spcBef>
              <a:buFont typeface="System Font Regular"/>
              <a:buChar char="−"/>
              <a:tabLst/>
              <a:defRPr sz="1200"/>
            </a:lvl3pPr>
            <a:lvl4pPr marL="466725" indent="-122238">
              <a:lnSpc>
                <a:spcPct val="100000"/>
              </a:lnSpc>
              <a:spcBef>
                <a:spcPts val="200"/>
              </a:spcBef>
              <a:buFont typeface="System Font Regular"/>
              <a:buChar char="-"/>
              <a:tabLst/>
              <a:defRPr sz="1200"/>
            </a:lvl4pPr>
            <a:lvl5pPr marL="577850" indent="-111125">
              <a:lnSpc>
                <a:spcPct val="100000"/>
              </a:lnSpc>
              <a:spcBef>
                <a:spcPts val="200"/>
              </a:spcBef>
              <a:buFont typeface="System Font Regular"/>
              <a:buChar char="◦"/>
              <a:tabLst/>
              <a:defRPr sz="1200"/>
            </a:lvl5pPr>
          </a:lstStyle>
          <a:p>
            <a:pPr lvl="0"/>
            <a:r>
              <a:rPr lang="en-US"/>
              <a:t>Click to edit Master text styles</a:t>
            </a:r>
          </a:p>
          <a:p>
            <a:pPr lvl="1"/>
            <a:r>
              <a:rPr lang="en-US"/>
              <a:t>Second level</a:t>
            </a:r>
          </a:p>
        </p:txBody>
      </p:sp>
      <p:sp>
        <p:nvSpPr>
          <p:cNvPr id="33" name="Title 1">
            <a:extLst>
              <a:ext uri="{FF2B5EF4-FFF2-40B4-BE49-F238E27FC236}">
                <a16:creationId xmlns:a16="http://schemas.microsoft.com/office/drawing/2014/main" id="{8908DF03-E15F-8F43-BFCF-743C3F11D569}"/>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2867262153"/>
      </p:ext>
    </p:extLst>
  </p:cSld>
  <p:clrMapOvr>
    <a:masterClrMapping/>
  </p:clrMapOvr>
  <p:extLst>
    <p:ext uri="{DCECCB84-F9BA-43D5-87BE-67443E8EF086}">
      <p15:sldGuideLst xmlns:p15="http://schemas.microsoft.com/office/powerpoint/2012/main">
        <p15:guide id="1" orient="horz" pos="2160">
          <p15:clr>
            <a:srgbClr val="FBAE40"/>
          </p15:clr>
        </p15:guide>
        <p15:guide id="2" pos="360">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with Chart">
    <p:spTree>
      <p:nvGrpSpPr>
        <p:cNvPr id="1" name=""/>
        <p:cNvGrpSpPr/>
        <p:nvPr/>
      </p:nvGrpSpPr>
      <p:grpSpPr>
        <a:xfrm>
          <a:off x="0" y="0"/>
          <a:ext cx="0" cy="0"/>
          <a:chOff x="0" y="0"/>
          <a:chExt cx="0" cy="0"/>
        </a:xfrm>
      </p:grpSpPr>
      <p:sp>
        <p:nvSpPr>
          <p:cNvPr id="6" name="Chart Placeholder 5">
            <a:extLst>
              <a:ext uri="{FF2B5EF4-FFF2-40B4-BE49-F238E27FC236}">
                <a16:creationId xmlns:a16="http://schemas.microsoft.com/office/drawing/2014/main" id="{6B332E26-6819-4640-9EB8-D5FAB05A8ED6}"/>
              </a:ext>
            </a:extLst>
          </p:cNvPr>
          <p:cNvSpPr>
            <a:spLocks noGrp="1"/>
          </p:cNvSpPr>
          <p:nvPr>
            <p:ph type="chart" sz="quarter" idx="13"/>
          </p:nvPr>
        </p:nvSpPr>
        <p:spPr>
          <a:xfrm>
            <a:off x="966216" y="1889253"/>
            <a:ext cx="10259568" cy="3456432"/>
          </a:xfrm>
          <a:prstGeom prst="rect">
            <a:avLst/>
          </a:prstGeom>
          <a:solidFill>
            <a:schemeClr val="bg1">
              <a:lumMod val="95000"/>
            </a:schemeClr>
          </a:solidFill>
        </p:spPr>
        <p:txBody>
          <a:bodyPr/>
          <a:lstStyle>
            <a:lvl1pPr marL="0" indent="0">
              <a:buNone/>
              <a:defRPr/>
            </a:lvl1pPr>
          </a:lstStyle>
          <a:p>
            <a:endParaRPr lang="en-US"/>
          </a:p>
        </p:txBody>
      </p:sp>
      <p:sp>
        <p:nvSpPr>
          <p:cNvPr id="9" name="Footer Placeholder 3">
            <a:extLst>
              <a:ext uri="{FF2B5EF4-FFF2-40B4-BE49-F238E27FC236}">
                <a16:creationId xmlns:a16="http://schemas.microsoft.com/office/drawing/2014/main" id="{F4DE7AE6-FA55-264C-90BE-A43A7081AD2D}"/>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10" name="Slide Number Placeholder 4">
            <a:extLst>
              <a:ext uri="{FF2B5EF4-FFF2-40B4-BE49-F238E27FC236}">
                <a16:creationId xmlns:a16="http://schemas.microsoft.com/office/drawing/2014/main" id="{B99D36F4-81EB-5547-A797-459B120CC8C1}"/>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1" name="Picture 10">
            <a:extLst>
              <a:ext uri="{FF2B5EF4-FFF2-40B4-BE49-F238E27FC236}">
                <a16:creationId xmlns:a16="http://schemas.microsoft.com/office/drawing/2014/main" id="{A7575FAD-DC41-F841-91AA-8E657C1BD722}"/>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
        <p:nvSpPr>
          <p:cNvPr id="7" name="Title 1">
            <a:extLst>
              <a:ext uri="{FF2B5EF4-FFF2-40B4-BE49-F238E27FC236}">
                <a16:creationId xmlns:a16="http://schemas.microsoft.com/office/drawing/2014/main" id="{22311E1D-0CA6-714E-BCC2-226ABB793115}"/>
              </a:ext>
            </a:extLst>
          </p:cNvPr>
          <p:cNvSpPr>
            <a:spLocks noGrp="1"/>
          </p:cNvSpPr>
          <p:nvPr>
            <p:ph type="title"/>
          </p:nvPr>
        </p:nvSpPr>
        <p:spPr>
          <a:xfrm>
            <a:off x="467359" y="279079"/>
            <a:ext cx="10130203" cy="1325563"/>
          </a:xfrm>
        </p:spPr>
        <p:txBody>
          <a:bodyPr/>
          <a:lstStyle/>
          <a:p>
            <a:r>
              <a:rPr lang="en-US"/>
              <a:t>Click to edit Master title style</a:t>
            </a:r>
          </a:p>
        </p:txBody>
      </p:sp>
    </p:spTree>
    <p:extLst>
      <p:ext uri="{BB962C8B-B14F-4D97-AF65-F5344CB8AC3E}">
        <p14:creationId xmlns:p14="http://schemas.microsoft.com/office/powerpoint/2010/main" val="344299650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6" name="Footer Placeholder 3">
            <a:extLst>
              <a:ext uri="{FF2B5EF4-FFF2-40B4-BE49-F238E27FC236}">
                <a16:creationId xmlns:a16="http://schemas.microsoft.com/office/drawing/2014/main" id="{C46873F5-558C-0B4C-8B90-C69DDCE7296F}"/>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7" name="Slide Number Placeholder 4">
            <a:extLst>
              <a:ext uri="{FF2B5EF4-FFF2-40B4-BE49-F238E27FC236}">
                <a16:creationId xmlns:a16="http://schemas.microsoft.com/office/drawing/2014/main" id="{2594E84D-DA7A-A244-A0D9-B7C6BD92964B}"/>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8" name="Picture 7">
            <a:extLst>
              <a:ext uri="{FF2B5EF4-FFF2-40B4-BE49-F238E27FC236}">
                <a16:creationId xmlns:a16="http://schemas.microsoft.com/office/drawing/2014/main" id="{6E23F6A4-F127-0B43-A264-7CE8DFCCA832}"/>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Tree>
    <p:extLst>
      <p:ext uri="{BB962C8B-B14F-4D97-AF65-F5344CB8AC3E}">
        <p14:creationId xmlns:p14="http://schemas.microsoft.com/office/powerpoint/2010/main" val="783530556"/>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type="picTx" preserve="1">
  <p:cSld name="1_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C708CA-BE44-E841-B480-DE1EA057734D}"/>
              </a:ext>
            </a:extLst>
          </p:cNvPr>
          <p:cNvSpPr>
            <a:spLocks noGrp="1"/>
          </p:cNvSpPr>
          <p:nvPr>
            <p:ph type="title"/>
          </p:nvPr>
        </p:nvSpPr>
        <p:spPr>
          <a:xfrm>
            <a:off x="477519" y="457200"/>
            <a:ext cx="4233672" cy="1600200"/>
          </a:xfrm>
        </p:spPr>
        <p:txBody>
          <a:bodyPr anchor="b"/>
          <a:lstStyle>
            <a:lvl1pPr>
              <a:defRPr sz="3200"/>
            </a:lvl1pPr>
          </a:lstStyle>
          <a:p>
            <a:r>
              <a:rPr lang="en-US"/>
              <a:t>Click to edit Master title style</a:t>
            </a:r>
          </a:p>
        </p:txBody>
      </p:sp>
      <p:sp>
        <p:nvSpPr>
          <p:cNvPr id="3" name="Picture Placeholder 2">
            <a:extLst>
              <a:ext uri="{FF2B5EF4-FFF2-40B4-BE49-F238E27FC236}">
                <a16:creationId xmlns:a16="http://schemas.microsoft.com/office/drawing/2014/main" id="{B303E3E3-3CD0-D240-BE33-15BC2FC66FD0}"/>
              </a:ext>
            </a:extLst>
          </p:cNvPr>
          <p:cNvSpPr>
            <a:spLocks noGrp="1"/>
          </p:cNvSpPr>
          <p:nvPr>
            <p:ph type="pic" idx="1"/>
          </p:nvPr>
        </p:nvSpPr>
        <p:spPr>
          <a:xfrm>
            <a:off x="5183188" y="0"/>
            <a:ext cx="7008812" cy="6857999"/>
          </a:xfrm>
          <a:prstGeom prst="rect">
            <a:avLst/>
          </a:prstGeom>
          <a:solidFill>
            <a:schemeClr val="bg1">
              <a:lumMod val="95000"/>
            </a:schemeClr>
          </a:solidFill>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US"/>
          </a:p>
        </p:txBody>
      </p:sp>
      <p:sp>
        <p:nvSpPr>
          <p:cNvPr id="4" name="Text Placeholder 3">
            <a:extLst>
              <a:ext uri="{FF2B5EF4-FFF2-40B4-BE49-F238E27FC236}">
                <a16:creationId xmlns:a16="http://schemas.microsoft.com/office/drawing/2014/main" id="{F2B5FF39-8872-C845-ADE0-55BA0616A7D2}"/>
              </a:ext>
            </a:extLst>
          </p:cNvPr>
          <p:cNvSpPr>
            <a:spLocks noGrp="1"/>
          </p:cNvSpPr>
          <p:nvPr>
            <p:ph type="body" sz="half" idx="2"/>
          </p:nvPr>
        </p:nvSpPr>
        <p:spPr>
          <a:xfrm>
            <a:off x="477519" y="2057400"/>
            <a:ext cx="4233026" cy="3811588"/>
          </a:xfrm>
          <a:prstGeom prst="rect">
            <a:avLst/>
          </a:prstGeom>
        </p:spPr>
        <p:txBody>
          <a:bodyPr/>
          <a:lstStyle>
            <a:lvl1pPr marL="0" indent="0">
              <a:buNone/>
              <a:defRPr sz="18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8" name="Footer Placeholder 3">
            <a:extLst>
              <a:ext uri="{FF2B5EF4-FFF2-40B4-BE49-F238E27FC236}">
                <a16:creationId xmlns:a16="http://schemas.microsoft.com/office/drawing/2014/main" id="{BFBD924D-74DB-864F-8096-3066753CB359}"/>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t>© 2022 ODP Business Solutions, LLC. All rights reserved.            Confidential</a:t>
            </a:r>
          </a:p>
        </p:txBody>
      </p:sp>
      <p:sp>
        <p:nvSpPr>
          <p:cNvPr id="9" name="Slide Number Placeholder 4">
            <a:extLst>
              <a:ext uri="{FF2B5EF4-FFF2-40B4-BE49-F238E27FC236}">
                <a16:creationId xmlns:a16="http://schemas.microsoft.com/office/drawing/2014/main" id="{518FA93D-DD20-1140-A28E-3322E2C1DA80}"/>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pPr/>
              <a:t>‹#›</a:t>
            </a:fld>
            <a:endParaRPr lang="en-US" sz="700"/>
          </a:p>
        </p:txBody>
      </p:sp>
      <p:pic>
        <p:nvPicPr>
          <p:cNvPr id="10" name="Picture 9">
            <a:extLst>
              <a:ext uri="{FF2B5EF4-FFF2-40B4-BE49-F238E27FC236}">
                <a16:creationId xmlns:a16="http://schemas.microsoft.com/office/drawing/2014/main" id="{9317CB10-9ECB-F149-BB88-B63489CD307A}"/>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71500" y="5866525"/>
            <a:ext cx="1375997" cy="489825"/>
          </a:xfrm>
          <a:prstGeom prst="rect">
            <a:avLst/>
          </a:prstGeom>
        </p:spPr>
      </p:pic>
    </p:spTree>
    <p:extLst>
      <p:ext uri="{BB962C8B-B14F-4D97-AF65-F5344CB8AC3E}">
        <p14:creationId xmlns:p14="http://schemas.microsoft.com/office/powerpoint/2010/main" val="4093745765"/>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hank You">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AD08D12-A34A-234E-BF37-02BF05983A3B}"/>
              </a:ext>
            </a:extLst>
          </p:cNvPr>
          <p:cNvSpPr/>
          <p:nvPr userDrawn="1"/>
        </p:nvSpPr>
        <p:spPr>
          <a:xfrm>
            <a:off x="0" y="0"/>
            <a:ext cx="12192000" cy="685800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0D2E1644-5C2B-1C45-8946-0F9F67AD96D3}"/>
              </a:ext>
            </a:extLst>
          </p:cNvPr>
          <p:cNvSpPr>
            <a:spLocks noGrp="1"/>
          </p:cNvSpPr>
          <p:nvPr>
            <p:ph type="ctrTitle" hasCustomPrompt="1"/>
          </p:nvPr>
        </p:nvSpPr>
        <p:spPr>
          <a:xfrm>
            <a:off x="477519" y="1628378"/>
            <a:ext cx="11174154" cy="2507528"/>
          </a:xfrm>
        </p:spPr>
        <p:txBody>
          <a:bodyPr anchor="b">
            <a:normAutofit/>
          </a:bodyPr>
          <a:lstStyle>
            <a:lvl1pPr algn="l">
              <a:defRPr sz="8000">
                <a:solidFill>
                  <a:schemeClr val="accent2"/>
                </a:solidFill>
              </a:defRPr>
            </a:lvl1pPr>
          </a:lstStyle>
          <a:p>
            <a:r>
              <a:rPr lang="en-US" dirty="0"/>
              <a:t> </a:t>
            </a:r>
          </a:p>
        </p:txBody>
      </p:sp>
      <p:pic>
        <p:nvPicPr>
          <p:cNvPr id="7" name="Picture 6">
            <a:extLst>
              <a:ext uri="{FF2B5EF4-FFF2-40B4-BE49-F238E27FC236}">
                <a16:creationId xmlns:a16="http://schemas.microsoft.com/office/drawing/2014/main" id="{E26F1804-74D9-E347-A8AC-308181C15E85}"/>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571499" y="5866525"/>
            <a:ext cx="1375997" cy="488619"/>
          </a:xfrm>
          <a:prstGeom prst="rect">
            <a:avLst/>
          </a:prstGeom>
        </p:spPr>
      </p:pic>
      <p:sp>
        <p:nvSpPr>
          <p:cNvPr id="8" name="Footer Placeholder 2">
            <a:extLst>
              <a:ext uri="{FF2B5EF4-FFF2-40B4-BE49-F238E27FC236}">
                <a16:creationId xmlns:a16="http://schemas.microsoft.com/office/drawing/2014/main" id="{23052065-63DD-4C43-8705-C4965ABA612C}"/>
              </a:ext>
            </a:extLst>
          </p:cNvPr>
          <p:cNvSpPr>
            <a:spLocks noGrp="1"/>
          </p:cNvSpPr>
          <p:nvPr>
            <p:ph type="ftr" sz="quarter" idx="11"/>
          </p:nvPr>
        </p:nvSpPr>
        <p:spPr>
          <a:xfrm>
            <a:off x="477518" y="6393928"/>
            <a:ext cx="9418321" cy="382792"/>
          </a:xfrm>
        </p:spPr>
        <p:txBody>
          <a:bodyPr/>
          <a:lstStyle>
            <a:lvl1pPr>
              <a:defRPr sz="700">
                <a:solidFill>
                  <a:schemeClr val="bg1"/>
                </a:solidFill>
              </a:defRPr>
            </a:lvl1pPr>
          </a:lstStyle>
          <a:p>
            <a:r>
              <a:rPr lang="en-US"/>
              <a:t>ODP and ODP Business Solutions are trademarks of ODP Business Solutions, LLC.  Office Depot is a trademark of The Office Club, Inc. © 2022 ODP Business Solutions, LLC. All rights reserved.</a:t>
            </a:r>
          </a:p>
        </p:txBody>
      </p:sp>
    </p:spTree>
    <p:extLst>
      <p:ext uri="{BB962C8B-B14F-4D97-AF65-F5344CB8AC3E}">
        <p14:creationId xmlns:p14="http://schemas.microsoft.com/office/powerpoint/2010/main" val="4110129870"/>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userDrawn="1">
  <p:cSld name="7_Title and Content">
    <p:spTree>
      <p:nvGrpSpPr>
        <p:cNvPr id="1" name=""/>
        <p:cNvGrpSpPr/>
        <p:nvPr/>
      </p:nvGrpSpPr>
      <p:grpSpPr>
        <a:xfrm>
          <a:off x="0" y="0"/>
          <a:ext cx="0" cy="0"/>
          <a:chOff x="0" y="0"/>
          <a:chExt cx="0" cy="0"/>
        </a:xfrm>
      </p:grpSpPr>
      <p:pic>
        <p:nvPicPr>
          <p:cNvPr id="10" name="Picture 9" descr="Icon&#10;&#10;Description automatically generated">
            <a:extLst>
              <a:ext uri="{FF2B5EF4-FFF2-40B4-BE49-F238E27FC236}">
                <a16:creationId xmlns:a16="http://schemas.microsoft.com/office/drawing/2014/main" id="{D3075818-28DE-F648-ADB8-3140E7748AA3}"/>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t="4133" r="10171"/>
          <a:stretch/>
        </p:blipFill>
        <p:spPr>
          <a:xfrm>
            <a:off x="7260045" y="1275454"/>
            <a:ext cx="4931955" cy="5263458"/>
          </a:xfrm>
          <a:prstGeom prst="rect">
            <a:avLst/>
          </a:prstGeom>
        </p:spPr>
      </p:pic>
      <p:pic>
        <p:nvPicPr>
          <p:cNvPr id="13" name="Picture 12" descr="A picture containing blue, night sky&#10;&#10;Description automatically generated">
            <a:extLst>
              <a:ext uri="{FF2B5EF4-FFF2-40B4-BE49-F238E27FC236}">
                <a16:creationId xmlns:a16="http://schemas.microsoft.com/office/drawing/2014/main" id="{163F0E83-C503-0F46-96C2-0B1C729DAFE0}"/>
              </a:ext>
            </a:extLst>
          </p:cNvPr>
          <p:cNvPicPr>
            <a:picLocks noChangeAspect="1"/>
          </p:cNvPicPr>
          <p:nvPr userDrawn="1"/>
        </p:nvPicPr>
        <p:blipFill rotWithShape="1">
          <a:blip r:embed="rId3" cstate="print">
            <a:extLst>
              <a:ext uri="{28A0092B-C50C-407E-A947-70E740481C1C}">
                <a14:useLocalDpi xmlns:a14="http://schemas.microsoft.com/office/drawing/2010/main"/>
              </a:ext>
            </a:extLst>
          </a:blip>
          <a:srcRect/>
          <a:stretch/>
        </p:blipFill>
        <p:spPr>
          <a:xfrm>
            <a:off x="419620" y="-1"/>
            <a:ext cx="11772380" cy="1275455"/>
          </a:xfrm>
          <a:prstGeom prst="rect">
            <a:avLst/>
          </a:prstGeom>
        </p:spPr>
      </p:pic>
      <p:sp>
        <p:nvSpPr>
          <p:cNvPr id="8" name="Title 1">
            <a:extLst>
              <a:ext uri="{FF2B5EF4-FFF2-40B4-BE49-F238E27FC236}">
                <a16:creationId xmlns:a16="http://schemas.microsoft.com/office/drawing/2014/main" id="{419436DE-63A4-FD40-9AE8-1B573580579B}"/>
              </a:ext>
            </a:extLst>
          </p:cNvPr>
          <p:cNvSpPr>
            <a:spLocks noGrp="1"/>
          </p:cNvSpPr>
          <p:nvPr>
            <p:ph type="title"/>
          </p:nvPr>
        </p:nvSpPr>
        <p:spPr>
          <a:xfrm>
            <a:off x="891404" y="49773"/>
            <a:ext cx="10444467" cy="1275455"/>
          </a:xfrm>
        </p:spPr>
        <p:txBody>
          <a:bodyPr>
            <a:noAutofit/>
          </a:bodyPr>
          <a:lstStyle>
            <a:lvl1pPr>
              <a:defRPr sz="2400" b="1" cap="all" baseline="0">
                <a:solidFill>
                  <a:schemeClr val="accent2"/>
                </a:solidFill>
              </a:defRPr>
            </a:lvl1pPr>
          </a:lstStyle>
          <a:p>
            <a:r>
              <a:rPr lang="en-US" dirty="0"/>
              <a:t>Click to edit Master title style</a:t>
            </a:r>
          </a:p>
        </p:txBody>
      </p:sp>
      <p:sp>
        <p:nvSpPr>
          <p:cNvPr id="16" name="Slide Number Placeholder 6">
            <a:extLst>
              <a:ext uri="{FF2B5EF4-FFF2-40B4-BE49-F238E27FC236}">
                <a16:creationId xmlns:a16="http://schemas.microsoft.com/office/drawing/2014/main" id="{9953AF27-CD79-D24B-8767-9F99C8E78710}"/>
              </a:ext>
            </a:extLst>
          </p:cNvPr>
          <p:cNvSpPr>
            <a:spLocks noGrp="1"/>
          </p:cNvSpPr>
          <p:nvPr>
            <p:ph type="sldNum" sz="quarter" idx="12"/>
          </p:nvPr>
        </p:nvSpPr>
        <p:spPr>
          <a:xfrm>
            <a:off x="11455261" y="6356350"/>
            <a:ext cx="366419" cy="365125"/>
          </a:xfrm>
        </p:spPr>
        <p:txBody>
          <a:bodyPr/>
          <a:lstStyle/>
          <a:p>
            <a:fld id="{DDE61A61-0F23-0048-8C0D-E7201A572481}" type="slidenum">
              <a:rPr lang="en-US" smtClean="0"/>
              <a:pPr/>
              <a:t>‹#›</a:t>
            </a:fld>
            <a:endParaRPr lang="en-US" dirty="0"/>
          </a:p>
        </p:txBody>
      </p:sp>
      <p:sp>
        <p:nvSpPr>
          <p:cNvPr id="17" name="Content Placeholder 2">
            <a:extLst>
              <a:ext uri="{FF2B5EF4-FFF2-40B4-BE49-F238E27FC236}">
                <a16:creationId xmlns:a16="http://schemas.microsoft.com/office/drawing/2014/main" id="{B9C7AF4F-2FC1-1A45-B94A-712BC8AE6859}"/>
              </a:ext>
            </a:extLst>
          </p:cNvPr>
          <p:cNvSpPr>
            <a:spLocks noGrp="1"/>
          </p:cNvSpPr>
          <p:nvPr>
            <p:ph idx="1"/>
          </p:nvPr>
        </p:nvSpPr>
        <p:spPr>
          <a:xfrm>
            <a:off x="888762" y="2095500"/>
            <a:ext cx="5068286" cy="4253604"/>
          </a:xfrm>
          <a:prstGeom prst="rect">
            <a:avLst/>
          </a:prstGeom>
        </p:spPr>
        <p:txBody>
          <a:bodyPr/>
          <a:lstStyle>
            <a:lvl1pPr marL="0" indent="0">
              <a:lnSpc>
                <a:spcPct val="110000"/>
              </a:lnSpc>
              <a:spcBef>
                <a:spcPts val="1000"/>
              </a:spcBef>
              <a:spcAft>
                <a:spcPts val="0"/>
              </a:spcAft>
              <a:buNone/>
              <a:defRPr sz="1600" b="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vl2pPr marL="173038" indent="-173038">
              <a:lnSpc>
                <a:spcPct val="110000"/>
              </a:lnSpc>
              <a:spcBef>
                <a:spcPts val="500"/>
              </a:spcBef>
              <a:spcAft>
                <a:spcPts val="0"/>
              </a:spcAft>
              <a:buClr>
                <a:schemeClr val="accent1"/>
              </a:buClr>
              <a:tabLst/>
              <a:defRPr sz="1600"/>
            </a:lvl2pPr>
            <a:lvl3pPr marL="346075" indent="-173038">
              <a:lnSpc>
                <a:spcPct val="110000"/>
              </a:lnSpc>
              <a:spcBef>
                <a:spcPts val="500"/>
              </a:spcBef>
              <a:spcAft>
                <a:spcPts val="0"/>
              </a:spcAft>
              <a:buFont typeface="System Font Regular"/>
              <a:buChar char="−"/>
              <a:tabLst/>
              <a:defRPr sz="1600"/>
            </a:lvl3pPr>
            <a:lvl4pPr marL="519113" indent="-173038">
              <a:lnSpc>
                <a:spcPct val="110000"/>
              </a:lnSpc>
              <a:spcBef>
                <a:spcPts val="500"/>
              </a:spcBef>
              <a:spcAft>
                <a:spcPts val="0"/>
              </a:spcAft>
              <a:buFont typeface="System Font Regular"/>
              <a:buChar char="-"/>
              <a:tabLst/>
              <a:defRPr sz="1400"/>
            </a:lvl4pPr>
            <a:lvl5pPr marL="692150" indent="-173038">
              <a:lnSpc>
                <a:spcPct val="110000"/>
              </a:lnSpc>
              <a:spcBef>
                <a:spcPts val="500"/>
              </a:spcBef>
              <a:spcAft>
                <a:spcPts val="0"/>
              </a:spcAft>
              <a:buSzPct val="104000"/>
              <a:buFont typeface="System Font Regular"/>
              <a:buChar char="▫"/>
              <a:tabLst/>
              <a:defRPr sz="1400">
                <a:solidFill>
                  <a:schemeClr val="accent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4" name="Picture 3">
            <a:extLst>
              <a:ext uri="{FF2B5EF4-FFF2-40B4-BE49-F238E27FC236}">
                <a16:creationId xmlns:a16="http://schemas.microsoft.com/office/drawing/2014/main" id="{B88128BF-7632-3844-91E3-17A06AEBC5E0}"/>
              </a:ext>
            </a:extLst>
          </p:cNvPr>
          <p:cNvPicPr>
            <a:picLocks noChangeAspect="1"/>
          </p:cNvPicPr>
          <p:nvPr userDrawn="1"/>
        </p:nvPicPr>
        <p:blipFill>
          <a:blip r:embed="rId4" cstate="print">
            <a:extLst>
              <a:ext uri="{28A0092B-C50C-407E-A947-70E740481C1C}">
                <a14:useLocalDpi xmlns:a14="http://schemas.microsoft.com/office/drawing/2010/main"/>
              </a:ext>
            </a:extLst>
          </a:blip>
          <a:stretch>
            <a:fillRect/>
          </a:stretch>
        </p:blipFill>
        <p:spPr>
          <a:xfrm>
            <a:off x="0" y="0"/>
            <a:ext cx="368300" cy="6858000"/>
          </a:xfrm>
          <a:prstGeom prst="rect">
            <a:avLst/>
          </a:prstGeom>
        </p:spPr>
      </p:pic>
      <p:sp>
        <p:nvSpPr>
          <p:cNvPr id="20" name="Content Placeholder 2">
            <a:extLst>
              <a:ext uri="{FF2B5EF4-FFF2-40B4-BE49-F238E27FC236}">
                <a16:creationId xmlns:a16="http://schemas.microsoft.com/office/drawing/2014/main" id="{6858B59F-394A-EF4C-9848-9388E8033696}"/>
              </a:ext>
            </a:extLst>
          </p:cNvPr>
          <p:cNvSpPr>
            <a:spLocks noGrp="1"/>
          </p:cNvSpPr>
          <p:nvPr>
            <p:ph idx="13"/>
          </p:nvPr>
        </p:nvSpPr>
        <p:spPr>
          <a:xfrm>
            <a:off x="6267586" y="2095500"/>
            <a:ext cx="5068286" cy="4253604"/>
          </a:xfrm>
          <a:prstGeom prst="rect">
            <a:avLst/>
          </a:prstGeom>
        </p:spPr>
        <p:txBody>
          <a:bodyPr/>
          <a:lstStyle>
            <a:lvl1pPr marL="0" indent="0">
              <a:lnSpc>
                <a:spcPct val="110000"/>
              </a:lnSpc>
              <a:spcBef>
                <a:spcPts val="1000"/>
              </a:spcBef>
              <a:spcAft>
                <a:spcPts val="0"/>
              </a:spcAft>
              <a:buNone/>
              <a:defRPr sz="1600" b="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vl2pPr marL="173038" indent="-173038">
              <a:lnSpc>
                <a:spcPct val="110000"/>
              </a:lnSpc>
              <a:spcBef>
                <a:spcPts val="500"/>
              </a:spcBef>
              <a:spcAft>
                <a:spcPts val="0"/>
              </a:spcAft>
              <a:buClr>
                <a:schemeClr val="accent1"/>
              </a:buClr>
              <a:tabLst/>
              <a:defRPr sz="1600"/>
            </a:lvl2pPr>
            <a:lvl3pPr marL="346075" indent="-173038">
              <a:lnSpc>
                <a:spcPct val="110000"/>
              </a:lnSpc>
              <a:spcBef>
                <a:spcPts val="500"/>
              </a:spcBef>
              <a:spcAft>
                <a:spcPts val="0"/>
              </a:spcAft>
              <a:buFont typeface="System Font Regular"/>
              <a:buChar char="−"/>
              <a:tabLst/>
              <a:defRPr sz="1600"/>
            </a:lvl3pPr>
            <a:lvl4pPr marL="519113" indent="-173038">
              <a:lnSpc>
                <a:spcPct val="110000"/>
              </a:lnSpc>
              <a:spcBef>
                <a:spcPts val="500"/>
              </a:spcBef>
              <a:spcAft>
                <a:spcPts val="0"/>
              </a:spcAft>
              <a:buFont typeface="System Font Regular"/>
              <a:buChar char="-"/>
              <a:tabLst/>
              <a:defRPr sz="1400"/>
            </a:lvl4pPr>
            <a:lvl5pPr marL="692150" indent="-173038">
              <a:lnSpc>
                <a:spcPct val="110000"/>
              </a:lnSpc>
              <a:spcBef>
                <a:spcPts val="500"/>
              </a:spcBef>
              <a:spcAft>
                <a:spcPts val="0"/>
              </a:spcAft>
              <a:buSzPct val="104000"/>
              <a:buFont typeface="System Font Regular"/>
              <a:buChar char="▫"/>
              <a:tabLst/>
              <a:defRPr sz="1400">
                <a:solidFill>
                  <a:schemeClr val="accent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12" name="Picture 11" descr="Logo, company name&#10;&#10;Description automatically generated">
            <a:extLst>
              <a:ext uri="{FF2B5EF4-FFF2-40B4-BE49-F238E27FC236}">
                <a16:creationId xmlns:a16="http://schemas.microsoft.com/office/drawing/2014/main" id="{0F584A51-7F81-3349-82A0-55B6345FC505}"/>
              </a:ext>
            </a:extLst>
          </p:cNvPr>
          <p:cNvPicPr>
            <a:picLocks noChangeAspect="1"/>
          </p:cNvPicPr>
          <p:nvPr userDrawn="1"/>
        </p:nvPicPr>
        <p:blipFill>
          <a:blip r:embed="rId5" cstate="print">
            <a:extLst>
              <a:ext uri="{28A0092B-C50C-407E-A947-70E740481C1C}">
                <a14:useLocalDpi xmlns:a14="http://schemas.microsoft.com/office/drawing/2010/main"/>
              </a:ext>
            </a:extLst>
          </a:blip>
          <a:stretch>
            <a:fillRect/>
          </a:stretch>
        </p:blipFill>
        <p:spPr>
          <a:xfrm>
            <a:off x="-5550" y="5698274"/>
            <a:ext cx="2385595" cy="1187198"/>
          </a:xfrm>
          <a:prstGeom prst="rect">
            <a:avLst/>
          </a:prstGeom>
        </p:spPr>
      </p:pic>
    </p:spTree>
    <p:extLst>
      <p:ext uri="{BB962C8B-B14F-4D97-AF65-F5344CB8AC3E}">
        <p14:creationId xmlns:p14="http://schemas.microsoft.com/office/powerpoint/2010/main" val="4255713891"/>
      </p:ext>
    </p:extLst>
  </p:cSld>
  <p:clrMapOvr>
    <a:masterClrMapping/>
  </p:clrMapOvr>
  <p:extLst>
    <p:ext uri="{DCECCB84-F9BA-43D5-87BE-67443E8EF086}">
      <p15:sldGuideLst xmlns:p15="http://schemas.microsoft.com/office/powerpoint/2012/main">
        <p15:guide id="1" orient="horz" pos="1320">
          <p15:clr>
            <a:srgbClr val="FBAE40"/>
          </p15:clr>
        </p15:guide>
        <p15:guide id="3" orient="horz" pos="480">
          <p15:clr>
            <a:srgbClr val="FBAE40"/>
          </p15:clr>
        </p15:guide>
        <p15:guide id="4" pos="552">
          <p15:clr>
            <a:srgbClr val="FBAE40"/>
          </p15:clr>
        </p15:guide>
        <p15:guide id="5" orient="horz" pos="4152">
          <p15:clr>
            <a:srgbClr val="FBAE40"/>
          </p15:clr>
        </p15:guide>
        <p15:guide id="6" pos="7392">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noAutofit/>
          </a:bodyPr>
          <a:lstStyle/>
          <a:p>
            <a:r>
              <a:rPr lang="en-US"/>
              <a:t>Click to edit Master title style</a:t>
            </a:r>
          </a:p>
        </p:txBody>
      </p:sp>
      <p:sp>
        <p:nvSpPr>
          <p:cNvPr id="3" name="Content Placeholder 2"/>
          <p:cNvSpPr>
            <a:spLocks noGrp="1"/>
          </p:cNvSpPr>
          <p:nvPr>
            <p:ph idx="1"/>
          </p:nvPr>
        </p:nvSpPr>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p:cNvSpPr>
            <a:spLocks noGrp="1"/>
          </p:cNvSpPr>
          <p:nvPr>
            <p:ph type="sldNum" sz="quarter" idx="12"/>
          </p:nvPr>
        </p:nvSpPr>
        <p:spPr/>
        <p:txBody>
          <a:bodyPr/>
          <a:lstStyle/>
          <a:p>
            <a:fld id="{EA8D065C-7253-274F-A38C-EFAAAEC662DD}" type="slidenum">
              <a:rPr lang="en-US" smtClean="0"/>
              <a:t>‹#›</a:t>
            </a:fld>
            <a:endParaRPr lang="en-US"/>
          </a:p>
        </p:txBody>
      </p:sp>
    </p:spTree>
    <p:extLst>
      <p:ext uri="{BB962C8B-B14F-4D97-AF65-F5344CB8AC3E}">
        <p14:creationId xmlns:p14="http://schemas.microsoft.com/office/powerpoint/2010/main" val="719656075"/>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24000" y="2740650"/>
            <a:ext cx="9144000" cy="769313"/>
          </a:xfrm>
        </p:spPr>
        <p:txBody>
          <a:bodyPr anchor="b"/>
          <a:lstStyle>
            <a:lvl1pPr algn="ctr">
              <a:defRPr sz="4999"/>
            </a:lvl1pPr>
          </a:lstStyle>
          <a:p>
            <a:r>
              <a:rPr lang="en-US"/>
              <a:t>Click to edit Master title style</a:t>
            </a:r>
          </a:p>
        </p:txBody>
      </p:sp>
      <p:sp>
        <p:nvSpPr>
          <p:cNvPr id="3" name="Subtitle 2"/>
          <p:cNvSpPr>
            <a:spLocks noGrp="1"/>
          </p:cNvSpPr>
          <p:nvPr>
            <p:ph type="subTitle" idx="1"/>
          </p:nvPr>
        </p:nvSpPr>
        <p:spPr>
          <a:xfrm>
            <a:off x="1524000" y="3602038"/>
            <a:ext cx="9144000" cy="1655762"/>
          </a:xfrm>
        </p:spPr>
        <p:txBody>
          <a:bodyPr/>
          <a:lstStyle>
            <a:lvl1pPr marL="0" indent="0" algn="ctr">
              <a:buNone/>
              <a:defRPr sz="2500"/>
            </a:lvl1pPr>
            <a:lvl2pPr marL="457109" indent="0" algn="ctr">
              <a:buNone/>
              <a:defRPr sz="2000"/>
            </a:lvl2pPr>
            <a:lvl3pPr marL="914217" indent="0" algn="ctr">
              <a:buNone/>
              <a:defRPr sz="1800"/>
            </a:lvl3pPr>
            <a:lvl4pPr marL="1371326" indent="0" algn="ctr">
              <a:buNone/>
              <a:defRPr sz="1600"/>
            </a:lvl4pPr>
            <a:lvl5pPr marL="1828434" indent="0" algn="ctr">
              <a:buNone/>
              <a:defRPr sz="1600"/>
            </a:lvl5pPr>
            <a:lvl6pPr marL="2285543" indent="0" algn="ctr">
              <a:buNone/>
              <a:defRPr sz="1600"/>
            </a:lvl6pPr>
            <a:lvl7pPr marL="2742651" indent="0" algn="ctr">
              <a:buNone/>
              <a:defRPr sz="1600"/>
            </a:lvl7pPr>
            <a:lvl8pPr marL="3199760" indent="0" algn="ctr">
              <a:buNone/>
              <a:defRPr sz="1600"/>
            </a:lvl8pPr>
            <a:lvl9pPr marL="3656868" indent="0" algn="ctr">
              <a:buNone/>
              <a:defRPr sz="1600"/>
            </a:lvl9pPr>
          </a:lstStyle>
          <a:p>
            <a:r>
              <a:rPr lang="en-US"/>
              <a:t>Click to edit Master subtitle style</a:t>
            </a:r>
          </a:p>
        </p:txBody>
      </p:sp>
      <p:sp>
        <p:nvSpPr>
          <p:cNvPr id="6" name="Slide Number Placeholder 5"/>
          <p:cNvSpPr>
            <a:spLocks noGrp="1"/>
          </p:cNvSpPr>
          <p:nvPr>
            <p:ph type="sldNum" sz="quarter" idx="12"/>
          </p:nvPr>
        </p:nvSpPr>
        <p:spPr/>
        <p:txBody>
          <a:bodyPr/>
          <a:lstStyle>
            <a:lvl1pPr>
              <a:defRPr sz="1250"/>
            </a:lvl1pPr>
          </a:lstStyle>
          <a:p>
            <a:fld id="{EA8D065C-7253-274F-A38C-EFAAAEC662DD}" type="slidenum">
              <a:rPr lang="en-US" smtClean="0"/>
              <a:pPr/>
              <a:t>‹#›</a:t>
            </a:fld>
            <a:endParaRPr lang="en-US" sz="1250"/>
          </a:p>
        </p:txBody>
      </p:sp>
      <p:sp>
        <p:nvSpPr>
          <p:cNvPr id="5" name="Rectangle 4">
            <a:extLst>
              <a:ext uri="{FF2B5EF4-FFF2-40B4-BE49-F238E27FC236}">
                <a16:creationId xmlns:a16="http://schemas.microsoft.com/office/drawing/2014/main" id="{22EC3741-3BEA-394E-93C9-958B0DE584E5}"/>
              </a:ext>
            </a:extLst>
          </p:cNvPr>
          <p:cNvSpPr/>
          <p:nvPr userDrawn="1"/>
        </p:nvSpPr>
        <p:spPr>
          <a:xfrm>
            <a:off x="0" y="0"/>
            <a:ext cx="12192000" cy="6866628"/>
          </a:xfrm>
          <a:prstGeom prst="rect">
            <a:avLst/>
          </a:prstGeom>
          <a:solidFill>
            <a:schemeClr val="bg1"/>
          </a:solidFill>
          <a:ln w="25400" cap="flat" cmpd="sng" algn="ctr">
            <a:noFill/>
            <a:prstDash val="solid"/>
          </a:ln>
          <a:effectLst/>
        </p:spPr>
        <p:txBody>
          <a:bodyPr rtlCol="0" anchor="ctr"/>
          <a:lstStyle/>
          <a:p>
            <a:pPr marL="0" marR="0" lvl="0" indent="0" algn="ctr" defTabSz="457109" eaLnBrk="1" fontAlgn="auto" latinLnBrk="0" hangingPunct="1">
              <a:lnSpc>
                <a:spcPct val="100000"/>
              </a:lnSpc>
              <a:spcBef>
                <a:spcPts val="0"/>
              </a:spcBef>
              <a:spcAft>
                <a:spcPts val="0"/>
              </a:spcAft>
              <a:buClrTx/>
              <a:buSzTx/>
              <a:buFontTx/>
              <a:buNone/>
              <a:tabLst/>
              <a:defRPr/>
            </a:pPr>
            <a:endParaRPr kumimoji="0" lang="en-US" sz="900" b="0" i="0" u="none" strike="noStrike" kern="0" cap="none" spc="0" normalizeH="0" baseline="0" noProof="0">
              <a:ln>
                <a:noFill/>
              </a:ln>
              <a:solidFill>
                <a:srgbClr val="09AFBB"/>
              </a:solidFill>
              <a:effectLst/>
              <a:uLnTx/>
              <a:uFillTx/>
              <a:latin typeface="Calibri"/>
              <a:ea typeface="+mn-ea"/>
              <a:cs typeface="+mn-cs"/>
            </a:endParaRPr>
          </a:p>
        </p:txBody>
      </p:sp>
    </p:spTree>
    <p:extLst>
      <p:ext uri="{BB962C8B-B14F-4D97-AF65-F5344CB8AC3E}">
        <p14:creationId xmlns:p14="http://schemas.microsoft.com/office/powerpoint/2010/main" val="2938015681"/>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1_Section Header - Yellow">
    <p:bg>
      <p:bgPr>
        <a:solidFill>
          <a:schemeClr val="accent2"/>
        </a:solidFill>
        <a:effectLst/>
      </p:bgPr>
    </p:bg>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25288848-EC9C-2F48-A57E-79DE02F6402D}"/>
              </a:ext>
            </a:extLst>
          </p:cNvPr>
          <p:cNvPicPr>
            <a:picLocks noChangeAspect="1"/>
          </p:cNvPicPr>
          <p:nvPr userDrawn="1"/>
        </p:nvPicPr>
        <p:blipFill rotWithShape="1">
          <a:blip r:embed="rId2" cstate="screen">
            <a:alphaModFix amt="20000"/>
            <a:extLst>
              <a:ext uri="{28A0092B-C50C-407E-A947-70E740481C1C}">
                <a14:useLocalDpi xmlns:a14="http://schemas.microsoft.com/office/drawing/2010/main" val="0"/>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20" y="1133269"/>
            <a:ext cx="11277598" cy="2852737"/>
          </a:xfrm>
        </p:spPr>
        <p:txBody>
          <a:bodyPr anchor="b"/>
          <a:lstStyle>
            <a:lvl1pPr>
              <a:defRPr sz="6000">
                <a:solidFill>
                  <a:schemeClr val="tx1"/>
                </a:solidFill>
              </a:defRPr>
            </a:lvl1pPr>
          </a:lstStyle>
          <a:p>
            <a:r>
              <a:rPr lang="en-US"/>
              <a:t>Click to edit Master title style</a:t>
            </a:r>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477520" y="4012994"/>
            <a:ext cx="11277598" cy="1500187"/>
          </a:xfrm>
          <a:prstGeom prst="rect">
            <a:avLst/>
          </a:prstGeom>
        </p:spPr>
        <p:txBody>
          <a:bodyPr/>
          <a:lstStyle>
            <a:lvl1pPr marL="0" indent="0">
              <a:buNone/>
              <a:defRPr sz="240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pic>
        <p:nvPicPr>
          <p:cNvPr id="10" name="Picture 9">
            <a:extLst>
              <a:ext uri="{FF2B5EF4-FFF2-40B4-BE49-F238E27FC236}">
                <a16:creationId xmlns:a16="http://schemas.microsoft.com/office/drawing/2014/main" id="{EE617A3D-E722-A14C-89CA-A2A3E851955C}"/>
              </a:ext>
            </a:extLst>
          </p:cNvPr>
          <p:cNvPicPr>
            <a:picLocks noChangeAspect="1"/>
          </p:cNvPicPr>
          <p:nvPr userDrawn="1"/>
        </p:nvPicPr>
        <p:blipFill>
          <a:blip r:embed="rId3" cstate="screen">
            <a:extLst>
              <a:ext uri="{28A0092B-C50C-407E-A947-70E740481C1C}">
                <a14:useLocalDpi xmlns:a14="http://schemas.microsoft.com/office/drawing/2010/main" val="0"/>
              </a:ext>
            </a:extLst>
          </a:blip>
          <a:srcRect/>
          <a:stretch/>
        </p:blipFill>
        <p:spPr>
          <a:xfrm>
            <a:off x="571500" y="5867177"/>
            <a:ext cx="1375996" cy="488619"/>
          </a:xfrm>
          <a:prstGeom prst="rect">
            <a:avLst/>
          </a:prstGeom>
        </p:spPr>
      </p:pic>
      <p:sp>
        <p:nvSpPr>
          <p:cNvPr id="14" name="Footer Placeholder 3">
            <a:extLst>
              <a:ext uri="{FF2B5EF4-FFF2-40B4-BE49-F238E27FC236}">
                <a16:creationId xmlns:a16="http://schemas.microsoft.com/office/drawing/2014/main" id="{6A0338AF-EDA4-FA41-8CF0-68632B398BD5}"/>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accent1"/>
                </a:solidFill>
              </a:rPr>
              <a:t>© 2022 ODP Business Solutions, LLC. All rights reserved.            Confidential</a:t>
            </a:r>
          </a:p>
        </p:txBody>
      </p:sp>
      <p:sp>
        <p:nvSpPr>
          <p:cNvPr id="15" name="Slide Number Placeholder 4">
            <a:extLst>
              <a:ext uri="{FF2B5EF4-FFF2-40B4-BE49-F238E27FC236}">
                <a16:creationId xmlns:a16="http://schemas.microsoft.com/office/drawing/2014/main" id="{ADBFD8AC-6C9A-B348-89A7-7612498C1DC1}"/>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accent1"/>
                </a:solidFill>
              </a:rPr>
              <a:pPr/>
              <a:t>‹#›</a:t>
            </a:fld>
            <a:endParaRPr lang="en-US" sz="700">
              <a:solidFill>
                <a:schemeClr val="accent1"/>
              </a:solidFill>
            </a:endParaRPr>
          </a:p>
        </p:txBody>
      </p:sp>
    </p:spTree>
    <p:extLst>
      <p:ext uri="{BB962C8B-B14F-4D97-AF65-F5344CB8AC3E}">
        <p14:creationId xmlns:p14="http://schemas.microsoft.com/office/powerpoint/2010/main" val="2007221712"/>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type="title" preserve="1">
  <p:cSld name="1_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24000" y="1122363"/>
            <a:ext cx="9144000" cy="2387600"/>
          </a:xfrm>
        </p:spPr>
        <p:txBody>
          <a:bodyPr anchor="b">
            <a:noAutofit/>
          </a:bodyPr>
          <a:lstStyle>
            <a:lvl1pPr algn="ctr">
              <a:defRPr sz="4999"/>
            </a:lvl1pPr>
          </a:lstStyle>
          <a:p>
            <a:r>
              <a:rPr lang="en-US"/>
              <a:t>Click to edit Master title style</a:t>
            </a:r>
          </a:p>
        </p:txBody>
      </p:sp>
      <p:sp>
        <p:nvSpPr>
          <p:cNvPr id="3" name="Subtitle 2"/>
          <p:cNvSpPr>
            <a:spLocks noGrp="1"/>
          </p:cNvSpPr>
          <p:nvPr>
            <p:ph type="subTitle" idx="1"/>
          </p:nvPr>
        </p:nvSpPr>
        <p:spPr>
          <a:xfrm>
            <a:off x="1524000" y="3602038"/>
            <a:ext cx="9144000" cy="1655762"/>
          </a:xfrm>
        </p:spPr>
        <p:txBody>
          <a:bodyPr>
            <a:noAutofit/>
          </a:bodyPr>
          <a:lstStyle>
            <a:lvl1pPr marL="0" indent="0" algn="ctr">
              <a:buNone/>
              <a:defRPr sz="2500"/>
            </a:lvl1pPr>
            <a:lvl2pPr marL="457109" indent="0" algn="ctr">
              <a:buNone/>
              <a:defRPr sz="2000"/>
            </a:lvl2pPr>
            <a:lvl3pPr marL="914217" indent="0" algn="ctr">
              <a:buNone/>
              <a:defRPr sz="1800"/>
            </a:lvl3pPr>
            <a:lvl4pPr marL="1371326" indent="0" algn="ctr">
              <a:buNone/>
              <a:defRPr sz="1600"/>
            </a:lvl4pPr>
            <a:lvl5pPr marL="1828434" indent="0" algn="ctr">
              <a:buNone/>
              <a:defRPr sz="1600"/>
            </a:lvl5pPr>
            <a:lvl6pPr marL="2285543" indent="0" algn="ctr">
              <a:buNone/>
              <a:defRPr sz="1600"/>
            </a:lvl6pPr>
            <a:lvl7pPr marL="2742651" indent="0" algn="ctr">
              <a:buNone/>
              <a:defRPr sz="1600"/>
            </a:lvl7pPr>
            <a:lvl8pPr marL="3199760" indent="0" algn="ctr">
              <a:buNone/>
              <a:defRPr sz="1600"/>
            </a:lvl8pPr>
            <a:lvl9pPr marL="3656868" indent="0" algn="ctr">
              <a:buNone/>
              <a:defRPr sz="1600"/>
            </a:lvl9pPr>
          </a:lstStyle>
          <a:p>
            <a:r>
              <a:rPr lang="en-US"/>
              <a:t>Click to edit Master subtitle style</a:t>
            </a:r>
          </a:p>
        </p:txBody>
      </p:sp>
      <p:sp>
        <p:nvSpPr>
          <p:cNvPr id="6" name="Slide Number Placeholder 5"/>
          <p:cNvSpPr>
            <a:spLocks noGrp="1"/>
          </p:cNvSpPr>
          <p:nvPr>
            <p:ph type="sldNum" sz="quarter" idx="12"/>
          </p:nvPr>
        </p:nvSpPr>
        <p:spPr/>
        <p:txBody>
          <a:bodyPr/>
          <a:lstStyle>
            <a:lvl1pPr>
              <a:defRPr sz="1250"/>
            </a:lvl1pPr>
          </a:lstStyle>
          <a:p>
            <a:fld id="{EA8D065C-7253-274F-A38C-EFAAAEC662DD}" type="slidenum">
              <a:rPr lang="en-US" smtClean="0"/>
              <a:pPr/>
              <a:t>‹#›</a:t>
            </a:fld>
            <a:endParaRPr lang="en-US" sz="1250"/>
          </a:p>
        </p:txBody>
      </p:sp>
    </p:spTree>
    <p:extLst>
      <p:ext uri="{BB962C8B-B14F-4D97-AF65-F5344CB8AC3E}">
        <p14:creationId xmlns:p14="http://schemas.microsoft.com/office/powerpoint/2010/main" val="1097854276"/>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noAutofit/>
          </a:bodyPr>
          <a:lstStyle/>
          <a:p>
            <a:r>
              <a:rPr lang="en-US"/>
              <a:t>Click to edit Master title style</a:t>
            </a:r>
          </a:p>
        </p:txBody>
      </p:sp>
      <p:sp>
        <p:nvSpPr>
          <p:cNvPr id="3" name="Content Placeholder 2"/>
          <p:cNvSpPr>
            <a:spLocks noGrp="1"/>
          </p:cNvSpPr>
          <p:nvPr>
            <p:ph idx="1"/>
          </p:nvPr>
        </p:nvSpPr>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p:cNvSpPr>
            <a:spLocks noGrp="1"/>
          </p:cNvSpPr>
          <p:nvPr>
            <p:ph type="sldNum" sz="quarter" idx="12"/>
          </p:nvPr>
        </p:nvSpPr>
        <p:spPr/>
        <p:txBody>
          <a:bodyPr/>
          <a:lstStyle/>
          <a:p>
            <a:fld id="{EA8D065C-7253-274F-A38C-EFAAAEC662DD}" type="slidenum">
              <a:rPr lang="en-US" smtClean="0"/>
              <a:t>‹#›</a:t>
            </a:fld>
            <a:endParaRPr lang="en-US"/>
          </a:p>
        </p:txBody>
      </p:sp>
    </p:spTree>
    <p:extLst>
      <p:ext uri="{BB962C8B-B14F-4D97-AF65-F5344CB8AC3E}">
        <p14:creationId xmlns:p14="http://schemas.microsoft.com/office/powerpoint/2010/main" val="208681586"/>
      </p:ext>
    </p:extLst>
  </p:cSld>
  <p:clrMapOvr>
    <a:masterClrMapping/>
  </p:clrMapOvr>
  <p:transition>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831850" y="3793163"/>
            <a:ext cx="10515600" cy="769313"/>
          </a:xfrm>
        </p:spPr>
        <p:txBody>
          <a:bodyPr anchor="b"/>
          <a:lstStyle>
            <a:lvl1pPr>
              <a:defRPr sz="4999"/>
            </a:lvl1pPr>
          </a:lstStyle>
          <a:p>
            <a:r>
              <a:rPr lang="en-US"/>
              <a:t>Click to edit Master title style</a:t>
            </a:r>
          </a:p>
        </p:txBody>
      </p:sp>
      <p:sp>
        <p:nvSpPr>
          <p:cNvPr id="3" name="Text Placeholder 2"/>
          <p:cNvSpPr>
            <a:spLocks noGrp="1"/>
          </p:cNvSpPr>
          <p:nvPr>
            <p:ph type="body" idx="1"/>
          </p:nvPr>
        </p:nvSpPr>
        <p:spPr>
          <a:xfrm>
            <a:off x="831850" y="4589464"/>
            <a:ext cx="10515600" cy="1500187"/>
          </a:xfrm>
        </p:spPr>
        <p:txBody>
          <a:bodyPr/>
          <a:lstStyle>
            <a:lvl1pPr marL="0" indent="0">
              <a:buNone/>
              <a:defRPr sz="2500">
                <a:solidFill>
                  <a:schemeClr val="tx1">
                    <a:tint val="75000"/>
                  </a:schemeClr>
                </a:solidFill>
              </a:defRPr>
            </a:lvl1pPr>
            <a:lvl2pPr marL="457109" indent="0">
              <a:buNone/>
              <a:defRPr sz="2000">
                <a:solidFill>
                  <a:schemeClr val="tx1">
                    <a:tint val="75000"/>
                  </a:schemeClr>
                </a:solidFill>
              </a:defRPr>
            </a:lvl2pPr>
            <a:lvl3pPr marL="914217" indent="0">
              <a:buNone/>
              <a:defRPr sz="1800">
                <a:solidFill>
                  <a:schemeClr val="tx1">
                    <a:tint val="75000"/>
                  </a:schemeClr>
                </a:solidFill>
              </a:defRPr>
            </a:lvl3pPr>
            <a:lvl4pPr marL="1371326" indent="0">
              <a:buNone/>
              <a:defRPr sz="1600">
                <a:solidFill>
                  <a:schemeClr val="tx1">
                    <a:tint val="75000"/>
                  </a:schemeClr>
                </a:solidFill>
              </a:defRPr>
            </a:lvl4pPr>
            <a:lvl5pPr marL="1828434" indent="0">
              <a:buNone/>
              <a:defRPr sz="1600">
                <a:solidFill>
                  <a:schemeClr val="tx1">
                    <a:tint val="75000"/>
                  </a:schemeClr>
                </a:solidFill>
              </a:defRPr>
            </a:lvl5pPr>
            <a:lvl6pPr marL="2285543" indent="0">
              <a:buNone/>
              <a:defRPr sz="1600">
                <a:solidFill>
                  <a:schemeClr val="tx1">
                    <a:tint val="75000"/>
                  </a:schemeClr>
                </a:solidFill>
              </a:defRPr>
            </a:lvl6pPr>
            <a:lvl7pPr marL="2742651" indent="0">
              <a:buNone/>
              <a:defRPr sz="1600">
                <a:solidFill>
                  <a:schemeClr val="tx1">
                    <a:tint val="75000"/>
                  </a:schemeClr>
                </a:solidFill>
              </a:defRPr>
            </a:lvl7pPr>
            <a:lvl8pPr marL="3199760" indent="0">
              <a:buNone/>
              <a:defRPr sz="1600">
                <a:solidFill>
                  <a:schemeClr val="tx1">
                    <a:tint val="75000"/>
                  </a:schemeClr>
                </a:solidFill>
              </a:defRPr>
            </a:lvl8pPr>
            <a:lvl9pPr marL="3656868" indent="0">
              <a:buNone/>
              <a:defRPr sz="1600">
                <a:solidFill>
                  <a:schemeClr val="tx1">
                    <a:tint val="75000"/>
                  </a:schemeClr>
                </a:solidFill>
              </a:defRPr>
            </a:lvl9pPr>
          </a:lstStyle>
          <a:p>
            <a:pPr lvl="0"/>
            <a:r>
              <a:rPr lang="en-US"/>
              <a:t>Click to edit Master text styles</a:t>
            </a:r>
          </a:p>
        </p:txBody>
      </p:sp>
      <p:sp>
        <p:nvSpPr>
          <p:cNvPr id="6" name="Slide Number Placeholder 5"/>
          <p:cNvSpPr>
            <a:spLocks noGrp="1"/>
          </p:cNvSpPr>
          <p:nvPr>
            <p:ph type="sldNum" sz="quarter" idx="12"/>
          </p:nvPr>
        </p:nvSpPr>
        <p:spPr/>
        <p:txBody>
          <a:bodyPr/>
          <a:lstStyle>
            <a:lvl1pPr>
              <a:defRPr sz="1250"/>
            </a:lvl1pPr>
          </a:lstStyle>
          <a:p>
            <a:fld id="{EA8D065C-7253-274F-A38C-EFAAAEC662DD}" type="slidenum">
              <a:rPr lang="en-US" smtClean="0"/>
              <a:pPr/>
              <a:t>‹#›</a:t>
            </a:fld>
            <a:endParaRPr lang="en-US" sz="1250"/>
          </a:p>
        </p:txBody>
      </p:sp>
    </p:spTree>
    <p:extLst>
      <p:ext uri="{BB962C8B-B14F-4D97-AF65-F5344CB8AC3E}">
        <p14:creationId xmlns:p14="http://schemas.microsoft.com/office/powerpoint/2010/main" val="3212299866"/>
      </p:ext>
    </p:extLst>
  </p:cSld>
  <p:clrMapOvr>
    <a:masterClrMapping/>
  </p:clrMapOvr>
  <p:transition>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type="secHead" preserve="1">
  <p:cSld name="4_Section Heade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B69F7F7-257A-3B43-9AD5-36030E7942A7}"/>
              </a:ext>
            </a:extLst>
          </p:cNvPr>
          <p:cNvSpPr/>
          <p:nvPr userDrawn="1"/>
        </p:nvSpPr>
        <p:spPr>
          <a:xfrm>
            <a:off x="0" y="-8628"/>
            <a:ext cx="12192000" cy="6866628"/>
          </a:xfrm>
          <a:prstGeom prst="rect">
            <a:avLst/>
          </a:prstGeom>
          <a:solidFill>
            <a:srgbClr val="CF202E"/>
          </a:solidFill>
          <a:ln w="25400" cap="flat" cmpd="sng" algn="ctr">
            <a:noFill/>
            <a:prstDash val="solid"/>
          </a:ln>
          <a:effectLst/>
        </p:spPr>
        <p:txBody>
          <a:bodyPr rtlCol="0" anchor="ctr"/>
          <a:lstStyle/>
          <a:p>
            <a:pPr marL="0" marR="0" lvl="0" indent="0" algn="ctr" defTabSz="457109" eaLnBrk="1" fontAlgn="auto" latinLnBrk="0" hangingPunct="1">
              <a:lnSpc>
                <a:spcPct val="100000"/>
              </a:lnSpc>
              <a:spcBef>
                <a:spcPts val="0"/>
              </a:spcBef>
              <a:spcAft>
                <a:spcPts val="0"/>
              </a:spcAft>
              <a:buClrTx/>
              <a:buSzTx/>
              <a:buFontTx/>
              <a:buNone/>
              <a:tabLst/>
              <a:defRPr/>
            </a:pPr>
            <a:endParaRPr kumimoji="0" lang="en-US" sz="900" b="0" i="0" u="none" strike="noStrike" kern="0" cap="none" spc="0" normalizeH="0" baseline="0" noProof="0">
              <a:ln>
                <a:noFill/>
              </a:ln>
              <a:solidFill>
                <a:srgbClr val="09AFBB"/>
              </a:solidFill>
              <a:effectLst/>
              <a:uLnTx/>
              <a:uFillTx/>
              <a:latin typeface="Calibri"/>
              <a:ea typeface="+mn-ea"/>
              <a:cs typeface="+mn-cs"/>
            </a:endParaRPr>
          </a:p>
        </p:txBody>
      </p:sp>
      <p:grpSp>
        <p:nvGrpSpPr>
          <p:cNvPr id="4" name="Group 3">
            <a:extLst>
              <a:ext uri="{FF2B5EF4-FFF2-40B4-BE49-F238E27FC236}">
                <a16:creationId xmlns:a16="http://schemas.microsoft.com/office/drawing/2014/main" id="{91D100FB-7FB9-834B-911C-E91AAF237376}"/>
              </a:ext>
            </a:extLst>
          </p:cNvPr>
          <p:cNvGrpSpPr/>
          <p:nvPr userDrawn="1"/>
        </p:nvGrpSpPr>
        <p:grpSpPr>
          <a:xfrm>
            <a:off x="2982339" y="-8628"/>
            <a:ext cx="8972362" cy="6869687"/>
            <a:chOff x="9114576" y="2311400"/>
            <a:chExt cx="14772537" cy="11309118"/>
          </a:xfrm>
        </p:grpSpPr>
        <p:sp>
          <p:nvSpPr>
            <p:cNvPr id="5" name="object 4">
              <a:extLst>
                <a:ext uri="{FF2B5EF4-FFF2-40B4-BE49-F238E27FC236}">
                  <a16:creationId xmlns:a16="http://schemas.microsoft.com/office/drawing/2014/main" id="{BED17DE9-6DAA-CF42-B88D-DC399EFF09C0}"/>
                </a:ext>
              </a:extLst>
            </p:cNvPr>
            <p:cNvSpPr/>
            <p:nvPr userDrawn="1"/>
          </p:nvSpPr>
          <p:spPr>
            <a:xfrm>
              <a:off x="17218745" y="2311400"/>
              <a:ext cx="2216150" cy="2050414"/>
            </a:xfrm>
            <a:custGeom>
              <a:avLst/>
              <a:gdLst/>
              <a:ahLst/>
              <a:cxnLst/>
              <a:rect l="l" t="t" r="r" b="b"/>
              <a:pathLst>
                <a:path w="2216150" h="2050414">
                  <a:moveTo>
                    <a:pt x="370295" y="0"/>
                  </a:moveTo>
                  <a:lnTo>
                    <a:pt x="71" y="0"/>
                  </a:lnTo>
                  <a:lnTo>
                    <a:pt x="0" y="10727"/>
                  </a:lnTo>
                  <a:lnTo>
                    <a:pt x="10960" y="55310"/>
                  </a:lnTo>
                  <a:lnTo>
                    <a:pt x="37979" y="104745"/>
                  </a:lnTo>
                  <a:lnTo>
                    <a:pt x="68928" y="148956"/>
                  </a:lnTo>
                  <a:lnTo>
                    <a:pt x="112706" y="204430"/>
                  </a:lnTo>
                  <a:lnTo>
                    <a:pt x="140070" y="236998"/>
                  </a:lnTo>
                  <a:lnTo>
                    <a:pt x="171439" y="273108"/>
                  </a:lnTo>
                  <a:lnTo>
                    <a:pt x="207077" y="313005"/>
                  </a:lnTo>
                  <a:lnTo>
                    <a:pt x="247251" y="356929"/>
                  </a:lnTo>
                  <a:lnTo>
                    <a:pt x="292226" y="405123"/>
                  </a:lnTo>
                  <a:lnTo>
                    <a:pt x="342268" y="457830"/>
                  </a:lnTo>
                  <a:lnTo>
                    <a:pt x="397642" y="515291"/>
                  </a:lnTo>
                  <a:lnTo>
                    <a:pt x="458615" y="577751"/>
                  </a:lnTo>
                  <a:lnTo>
                    <a:pt x="525452" y="645449"/>
                  </a:lnTo>
                  <a:lnTo>
                    <a:pt x="677779" y="797535"/>
                  </a:lnTo>
                  <a:lnTo>
                    <a:pt x="856751" y="973487"/>
                  </a:lnTo>
                  <a:lnTo>
                    <a:pt x="706329" y="1123438"/>
                  </a:lnTo>
                  <a:lnTo>
                    <a:pt x="296377" y="1527006"/>
                  </a:lnTo>
                  <a:lnTo>
                    <a:pt x="52314" y="1762133"/>
                  </a:lnTo>
                  <a:lnTo>
                    <a:pt x="24263" y="1797079"/>
                  </a:lnTo>
                  <a:lnTo>
                    <a:pt x="6970" y="1836795"/>
                  </a:lnTo>
                  <a:lnTo>
                    <a:pt x="491" y="1879027"/>
                  </a:lnTo>
                  <a:lnTo>
                    <a:pt x="4884" y="1921523"/>
                  </a:lnTo>
                  <a:lnTo>
                    <a:pt x="20202" y="1962030"/>
                  </a:lnTo>
                  <a:lnTo>
                    <a:pt x="46503" y="1998293"/>
                  </a:lnTo>
                  <a:lnTo>
                    <a:pt x="102768" y="2037169"/>
                  </a:lnTo>
                  <a:lnTo>
                    <a:pt x="167515" y="2050177"/>
                  </a:lnTo>
                  <a:lnTo>
                    <a:pt x="198418" y="2047310"/>
                  </a:lnTo>
                  <a:lnTo>
                    <a:pt x="256854" y="2024299"/>
                  </a:lnTo>
                  <a:lnTo>
                    <a:pt x="529756" y="1766081"/>
                  </a:lnTo>
                  <a:lnTo>
                    <a:pt x="944496" y="1357772"/>
                  </a:lnTo>
                  <a:lnTo>
                    <a:pt x="1096534" y="1206192"/>
                  </a:lnTo>
                  <a:lnTo>
                    <a:pt x="1580423" y="1206192"/>
                  </a:lnTo>
                  <a:lnTo>
                    <a:pt x="1333689" y="968210"/>
                  </a:lnTo>
                  <a:lnTo>
                    <a:pt x="1564349" y="735180"/>
                  </a:lnTo>
                  <a:lnTo>
                    <a:pt x="1094251" y="735180"/>
                  </a:lnTo>
                  <a:lnTo>
                    <a:pt x="837637" y="482339"/>
                  </a:lnTo>
                  <a:lnTo>
                    <a:pt x="660252" y="304636"/>
                  </a:lnTo>
                  <a:lnTo>
                    <a:pt x="582736" y="225754"/>
                  </a:lnTo>
                  <a:lnTo>
                    <a:pt x="513579" y="154381"/>
                  </a:lnTo>
                  <a:lnTo>
                    <a:pt x="482349" y="121712"/>
                  </a:lnTo>
                  <a:lnTo>
                    <a:pt x="453464" y="91163"/>
                  </a:lnTo>
                  <a:lnTo>
                    <a:pt x="427011" y="62815"/>
                  </a:lnTo>
                  <a:lnTo>
                    <a:pt x="381736" y="13044"/>
                  </a:lnTo>
                  <a:lnTo>
                    <a:pt x="370295" y="0"/>
                  </a:lnTo>
                  <a:close/>
                </a:path>
                <a:path w="2216150" h="2050414">
                  <a:moveTo>
                    <a:pt x="1580423" y="1206192"/>
                  </a:moveTo>
                  <a:lnTo>
                    <a:pt x="1096534" y="1206192"/>
                  </a:lnTo>
                  <a:lnTo>
                    <a:pt x="1220208" y="1325237"/>
                  </a:lnTo>
                  <a:lnTo>
                    <a:pt x="1934247" y="2004565"/>
                  </a:lnTo>
                  <a:lnTo>
                    <a:pt x="1988241" y="2038809"/>
                  </a:lnTo>
                  <a:lnTo>
                    <a:pt x="2048903" y="2050177"/>
                  </a:lnTo>
                  <a:lnTo>
                    <a:pt x="2081983" y="2046891"/>
                  </a:lnTo>
                  <a:lnTo>
                    <a:pt x="2143774" y="2020682"/>
                  </a:lnTo>
                  <a:lnTo>
                    <a:pt x="2196534" y="1961435"/>
                  </a:lnTo>
                  <a:lnTo>
                    <a:pt x="2211693" y="1920863"/>
                  </a:lnTo>
                  <a:lnTo>
                    <a:pt x="2215916" y="1878348"/>
                  </a:lnTo>
                  <a:lnTo>
                    <a:pt x="2209269" y="1836143"/>
                  </a:lnTo>
                  <a:lnTo>
                    <a:pt x="2191816" y="1796500"/>
                  </a:lnTo>
                  <a:lnTo>
                    <a:pt x="2163622" y="1761672"/>
                  </a:lnTo>
                  <a:lnTo>
                    <a:pt x="1580423" y="1206192"/>
                  </a:lnTo>
                  <a:close/>
                </a:path>
                <a:path w="2216150" h="2050414">
                  <a:moveTo>
                    <a:pt x="2215878" y="0"/>
                  </a:moveTo>
                  <a:lnTo>
                    <a:pt x="1817487" y="0"/>
                  </a:lnTo>
                  <a:lnTo>
                    <a:pt x="1094251" y="735180"/>
                  </a:lnTo>
                  <a:lnTo>
                    <a:pt x="1564349" y="735180"/>
                  </a:lnTo>
                  <a:lnTo>
                    <a:pt x="2168910" y="117932"/>
                  </a:lnTo>
                  <a:lnTo>
                    <a:pt x="2195534" y="81893"/>
                  </a:lnTo>
                  <a:lnTo>
                    <a:pt x="2211214" y="41517"/>
                  </a:lnTo>
                  <a:lnTo>
                    <a:pt x="2215878" y="0"/>
                  </a:lnTo>
                  <a:close/>
                </a:path>
              </a:pathLst>
            </a:custGeom>
            <a:solidFill>
              <a:srgbClr val="9A1F2D"/>
            </a:solidFill>
          </p:spPr>
          <p:txBody>
            <a:bodyPr wrap="square" lIns="0" tIns="0" rIns="0" bIns="0" rtlCol="0"/>
            <a:lstStyle/>
            <a:p>
              <a:endParaRPr sz="700"/>
            </a:p>
          </p:txBody>
        </p:sp>
        <p:grpSp>
          <p:nvGrpSpPr>
            <p:cNvPr id="6" name="object 5">
              <a:extLst>
                <a:ext uri="{FF2B5EF4-FFF2-40B4-BE49-F238E27FC236}">
                  <a16:creationId xmlns:a16="http://schemas.microsoft.com/office/drawing/2014/main" id="{DBD0B352-8F25-A344-B8CB-4C4BB878EBA8}"/>
                </a:ext>
              </a:extLst>
            </p:cNvPr>
            <p:cNvGrpSpPr/>
            <p:nvPr userDrawn="1"/>
          </p:nvGrpSpPr>
          <p:grpSpPr>
            <a:xfrm>
              <a:off x="16276761" y="6958734"/>
              <a:ext cx="7515859" cy="6661784"/>
              <a:chOff x="12085761" y="4647334"/>
              <a:chExt cx="7515859" cy="6661784"/>
            </a:xfrm>
          </p:grpSpPr>
          <p:sp>
            <p:nvSpPr>
              <p:cNvPr id="8" name="object 6">
                <a:extLst>
                  <a:ext uri="{FF2B5EF4-FFF2-40B4-BE49-F238E27FC236}">
                    <a16:creationId xmlns:a16="http://schemas.microsoft.com/office/drawing/2014/main" id="{2421EC9A-A816-E249-B66F-4015B4258FC0}"/>
                  </a:ext>
                </a:extLst>
              </p:cNvPr>
              <p:cNvSpPr/>
              <p:nvPr/>
            </p:nvSpPr>
            <p:spPr>
              <a:xfrm>
                <a:off x="12602002" y="5403271"/>
                <a:ext cx="5412105" cy="4692650"/>
              </a:xfrm>
              <a:custGeom>
                <a:avLst/>
                <a:gdLst/>
                <a:ahLst/>
                <a:cxnLst/>
                <a:rect l="l" t="t" r="r" b="b"/>
                <a:pathLst>
                  <a:path w="5412105" h="4692650">
                    <a:moveTo>
                      <a:pt x="4796394" y="0"/>
                    </a:moveTo>
                    <a:lnTo>
                      <a:pt x="4754625" y="1313"/>
                    </a:lnTo>
                    <a:lnTo>
                      <a:pt x="4714485" y="12936"/>
                    </a:lnTo>
                    <a:lnTo>
                      <a:pt x="4677976" y="34533"/>
                    </a:lnTo>
                    <a:lnTo>
                      <a:pt x="4665476" y="43903"/>
                    </a:lnTo>
                    <a:lnTo>
                      <a:pt x="4651005" y="54407"/>
                    </a:lnTo>
                    <a:lnTo>
                      <a:pt x="4606572" y="85301"/>
                    </a:lnTo>
                    <a:lnTo>
                      <a:pt x="4542755" y="127042"/>
                    </a:lnTo>
                    <a:lnTo>
                      <a:pt x="4504053" y="151103"/>
                    </a:lnTo>
                    <a:lnTo>
                      <a:pt x="4461077" y="176825"/>
                    </a:lnTo>
                    <a:lnTo>
                      <a:pt x="4414018" y="203858"/>
                    </a:lnTo>
                    <a:lnTo>
                      <a:pt x="4363064" y="231850"/>
                    </a:lnTo>
                    <a:lnTo>
                      <a:pt x="4308408" y="260453"/>
                    </a:lnTo>
                    <a:lnTo>
                      <a:pt x="4250240" y="289314"/>
                    </a:lnTo>
                    <a:lnTo>
                      <a:pt x="4188749" y="318085"/>
                    </a:lnTo>
                    <a:lnTo>
                      <a:pt x="4124127" y="346414"/>
                    </a:lnTo>
                    <a:lnTo>
                      <a:pt x="4056565" y="373951"/>
                    </a:lnTo>
                    <a:lnTo>
                      <a:pt x="3986251" y="400347"/>
                    </a:lnTo>
                    <a:lnTo>
                      <a:pt x="3913379" y="425251"/>
                    </a:lnTo>
                    <a:lnTo>
                      <a:pt x="3838136" y="448312"/>
                    </a:lnTo>
                    <a:lnTo>
                      <a:pt x="3760716" y="469180"/>
                    </a:lnTo>
                    <a:lnTo>
                      <a:pt x="3719091" y="485768"/>
                    </a:lnTo>
                    <a:lnTo>
                      <a:pt x="3684474" y="511807"/>
                    </a:lnTo>
                    <a:lnTo>
                      <a:pt x="3658024" y="545366"/>
                    </a:lnTo>
                    <a:lnTo>
                      <a:pt x="3640901" y="584512"/>
                    </a:lnTo>
                    <a:lnTo>
                      <a:pt x="3634264" y="627315"/>
                    </a:lnTo>
                    <a:lnTo>
                      <a:pt x="3639274" y="671844"/>
                    </a:lnTo>
                    <a:lnTo>
                      <a:pt x="3655854" y="713466"/>
                    </a:lnTo>
                    <a:lnTo>
                      <a:pt x="3681902" y="748079"/>
                    </a:lnTo>
                    <a:lnTo>
                      <a:pt x="3715475" y="774524"/>
                    </a:lnTo>
                    <a:lnTo>
                      <a:pt x="3754632" y="791645"/>
                    </a:lnTo>
                    <a:lnTo>
                      <a:pt x="3797430" y="798284"/>
                    </a:lnTo>
                    <a:lnTo>
                      <a:pt x="3841928" y="793285"/>
                    </a:lnTo>
                    <a:lnTo>
                      <a:pt x="3894441" y="779537"/>
                    </a:lnTo>
                    <a:lnTo>
                      <a:pt x="3946012" y="764899"/>
                    </a:lnTo>
                    <a:lnTo>
                      <a:pt x="3996608" y="749449"/>
                    </a:lnTo>
                    <a:lnTo>
                      <a:pt x="4046194" y="733266"/>
                    </a:lnTo>
                    <a:lnTo>
                      <a:pt x="4094737" y="716428"/>
                    </a:lnTo>
                    <a:lnTo>
                      <a:pt x="4142203" y="699014"/>
                    </a:lnTo>
                    <a:lnTo>
                      <a:pt x="4188557" y="681103"/>
                    </a:lnTo>
                    <a:lnTo>
                      <a:pt x="4233767" y="662772"/>
                    </a:lnTo>
                    <a:lnTo>
                      <a:pt x="4277798" y="644101"/>
                    </a:lnTo>
                    <a:lnTo>
                      <a:pt x="4320617" y="625169"/>
                    </a:lnTo>
                    <a:lnTo>
                      <a:pt x="4362190" y="606053"/>
                    </a:lnTo>
                    <a:lnTo>
                      <a:pt x="4402482" y="586832"/>
                    </a:lnTo>
                    <a:lnTo>
                      <a:pt x="4441461" y="567586"/>
                    </a:lnTo>
                    <a:lnTo>
                      <a:pt x="4479092" y="548392"/>
                    </a:lnTo>
                    <a:lnTo>
                      <a:pt x="4451839" y="605291"/>
                    </a:lnTo>
                    <a:lnTo>
                      <a:pt x="4421207" y="667607"/>
                    </a:lnTo>
                    <a:lnTo>
                      <a:pt x="4387164" y="735058"/>
                    </a:lnTo>
                    <a:lnTo>
                      <a:pt x="4349680" y="807364"/>
                    </a:lnTo>
                    <a:lnTo>
                      <a:pt x="4322762" y="858126"/>
                    </a:lnTo>
                    <a:lnTo>
                      <a:pt x="4294291" y="910838"/>
                    </a:lnTo>
                    <a:lnTo>
                      <a:pt x="4264257" y="965416"/>
                    </a:lnTo>
                    <a:lnTo>
                      <a:pt x="4232651" y="1021778"/>
                    </a:lnTo>
                    <a:lnTo>
                      <a:pt x="4199464" y="1079840"/>
                    </a:lnTo>
                    <a:lnTo>
                      <a:pt x="4164686" y="1139519"/>
                    </a:lnTo>
                    <a:lnTo>
                      <a:pt x="4128309" y="1200732"/>
                    </a:lnTo>
                    <a:lnTo>
                      <a:pt x="4090321" y="1263396"/>
                    </a:lnTo>
                    <a:lnTo>
                      <a:pt x="4050715" y="1327427"/>
                    </a:lnTo>
                    <a:lnTo>
                      <a:pt x="4009481" y="1392743"/>
                    </a:lnTo>
                    <a:lnTo>
                      <a:pt x="3966609" y="1459260"/>
                    </a:lnTo>
                    <a:lnTo>
                      <a:pt x="3922090" y="1526894"/>
                    </a:lnTo>
                    <a:lnTo>
                      <a:pt x="3875915" y="1595564"/>
                    </a:lnTo>
                    <a:lnTo>
                      <a:pt x="3852203" y="1630261"/>
                    </a:lnTo>
                    <a:lnTo>
                      <a:pt x="3828074" y="1665185"/>
                    </a:lnTo>
                    <a:lnTo>
                      <a:pt x="3803526" y="1700327"/>
                    </a:lnTo>
                    <a:lnTo>
                      <a:pt x="3778558" y="1735675"/>
                    </a:lnTo>
                    <a:lnTo>
                      <a:pt x="3753169" y="1771220"/>
                    </a:lnTo>
                    <a:lnTo>
                      <a:pt x="3727358" y="1806950"/>
                    </a:lnTo>
                    <a:lnTo>
                      <a:pt x="3701124" y="1842856"/>
                    </a:lnTo>
                    <a:lnTo>
                      <a:pt x="3674464" y="1878927"/>
                    </a:lnTo>
                    <a:lnTo>
                      <a:pt x="3647379" y="1915153"/>
                    </a:lnTo>
                    <a:lnTo>
                      <a:pt x="3619867" y="1951524"/>
                    </a:lnTo>
                    <a:lnTo>
                      <a:pt x="3591927" y="1988028"/>
                    </a:lnTo>
                    <a:lnTo>
                      <a:pt x="3563558" y="2024656"/>
                    </a:lnTo>
                    <a:lnTo>
                      <a:pt x="3534758" y="2061397"/>
                    </a:lnTo>
                    <a:lnTo>
                      <a:pt x="3505527" y="2098240"/>
                    </a:lnTo>
                    <a:lnTo>
                      <a:pt x="3475862" y="2135177"/>
                    </a:lnTo>
                    <a:lnTo>
                      <a:pt x="3445764" y="2172195"/>
                    </a:lnTo>
                    <a:lnTo>
                      <a:pt x="3415231" y="2209284"/>
                    </a:lnTo>
                    <a:lnTo>
                      <a:pt x="3384261" y="2246435"/>
                    </a:lnTo>
                    <a:lnTo>
                      <a:pt x="3352854" y="2283637"/>
                    </a:lnTo>
                    <a:lnTo>
                      <a:pt x="3321008" y="2320879"/>
                    </a:lnTo>
                    <a:lnTo>
                      <a:pt x="3288723" y="2358151"/>
                    </a:lnTo>
                    <a:lnTo>
                      <a:pt x="3255996" y="2395442"/>
                    </a:lnTo>
                    <a:lnTo>
                      <a:pt x="3222827" y="2432743"/>
                    </a:lnTo>
                    <a:lnTo>
                      <a:pt x="3189215" y="2470043"/>
                    </a:lnTo>
                    <a:lnTo>
                      <a:pt x="3155159" y="2507331"/>
                    </a:lnTo>
                    <a:lnTo>
                      <a:pt x="3120656" y="2544597"/>
                    </a:lnTo>
                    <a:lnTo>
                      <a:pt x="3085707" y="2581831"/>
                    </a:lnTo>
                    <a:lnTo>
                      <a:pt x="3050310" y="2619021"/>
                    </a:lnTo>
                    <a:lnTo>
                      <a:pt x="3014464" y="2656159"/>
                    </a:lnTo>
                    <a:lnTo>
                      <a:pt x="2978167" y="2693233"/>
                    </a:lnTo>
                    <a:lnTo>
                      <a:pt x="2941419" y="2730233"/>
                    </a:lnTo>
                    <a:lnTo>
                      <a:pt x="2904218" y="2767149"/>
                    </a:lnTo>
                    <a:lnTo>
                      <a:pt x="2866564" y="2803970"/>
                    </a:lnTo>
                    <a:lnTo>
                      <a:pt x="2828454" y="2840686"/>
                    </a:lnTo>
                    <a:lnTo>
                      <a:pt x="2789888" y="2877286"/>
                    </a:lnTo>
                    <a:lnTo>
                      <a:pt x="2750864" y="2913761"/>
                    </a:lnTo>
                    <a:lnTo>
                      <a:pt x="2711383" y="2950099"/>
                    </a:lnTo>
                    <a:lnTo>
                      <a:pt x="2671441" y="2986290"/>
                    </a:lnTo>
                    <a:lnTo>
                      <a:pt x="2631038" y="3022324"/>
                    </a:lnTo>
                    <a:lnTo>
                      <a:pt x="2590174" y="3058191"/>
                    </a:lnTo>
                    <a:lnTo>
                      <a:pt x="2548846" y="3093879"/>
                    </a:lnTo>
                    <a:lnTo>
                      <a:pt x="2507054" y="3129380"/>
                    </a:lnTo>
                    <a:lnTo>
                      <a:pt x="2464796" y="3164681"/>
                    </a:lnTo>
                    <a:lnTo>
                      <a:pt x="2422072" y="3199774"/>
                    </a:lnTo>
                    <a:lnTo>
                      <a:pt x="2378879" y="3234647"/>
                    </a:lnTo>
                    <a:lnTo>
                      <a:pt x="2335218" y="3269290"/>
                    </a:lnTo>
                    <a:lnTo>
                      <a:pt x="2291086" y="3303692"/>
                    </a:lnTo>
                    <a:lnTo>
                      <a:pt x="2246483" y="3337844"/>
                    </a:lnTo>
                    <a:lnTo>
                      <a:pt x="2201407" y="3371735"/>
                    </a:lnTo>
                    <a:lnTo>
                      <a:pt x="2155858" y="3405355"/>
                    </a:lnTo>
                    <a:lnTo>
                      <a:pt x="2109833" y="3438692"/>
                    </a:lnTo>
                    <a:lnTo>
                      <a:pt x="2063333" y="3471737"/>
                    </a:lnTo>
                    <a:lnTo>
                      <a:pt x="2016355" y="3504480"/>
                    </a:lnTo>
                    <a:lnTo>
                      <a:pt x="1968898" y="3536909"/>
                    </a:lnTo>
                    <a:lnTo>
                      <a:pt x="1920963" y="3569015"/>
                    </a:lnTo>
                    <a:lnTo>
                      <a:pt x="1872546" y="3600787"/>
                    </a:lnTo>
                    <a:lnTo>
                      <a:pt x="1823647" y="3632215"/>
                    </a:lnTo>
                    <a:lnTo>
                      <a:pt x="1774266" y="3663288"/>
                    </a:lnTo>
                    <a:lnTo>
                      <a:pt x="1724400" y="3693996"/>
                    </a:lnTo>
                    <a:lnTo>
                      <a:pt x="1674048" y="3724329"/>
                    </a:lnTo>
                    <a:lnTo>
                      <a:pt x="1623210" y="3754276"/>
                    </a:lnTo>
                    <a:lnTo>
                      <a:pt x="1571884" y="3783826"/>
                    </a:lnTo>
                    <a:lnTo>
                      <a:pt x="1520069" y="3812970"/>
                    </a:lnTo>
                    <a:lnTo>
                      <a:pt x="1467764" y="3841697"/>
                    </a:lnTo>
                    <a:lnTo>
                      <a:pt x="1414967" y="3869996"/>
                    </a:lnTo>
                    <a:lnTo>
                      <a:pt x="1361679" y="3897858"/>
                    </a:lnTo>
                    <a:lnTo>
                      <a:pt x="1307896" y="3925271"/>
                    </a:lnTo>
                    <a:lnTo>
                      <a:pt x="1253619" y="3952226"/>
                    </a:lnTo>
                    <a:lnTo>
                      <a:pt x="1198845" y="3978711"/>
                    </a:lnTo>
                    <a:lnTo>
                      <a:pt x="1143575" y="4004717"/>
                    </a:lnTo>
                    <a:lnTo>
                      <a:pt x="1087806" y="4030234"/>
                    </a:lnTo>
                    <a:lnTo>
                      <a:pt x="1031537" y="4055250"/>
                    </a:lnTo>
                    <a:lnTo>
                      <a:pt x="974768" y="4079755"/>
                    </a:lnTo>
                    <a:lnTo>
                      <a:pt x="917497" y="4103740"/>
                    </a:lnTo>
                    <a:lnTo>
                      <a:pt x="859723" y="4127193"/>
                    </a:lnTo>
                    <a:lnTo>
                      <a:pt x="801445" y="4150104"/>
                    </a:lnTo>
                    <a:lnTo>
                      <a:pt x="742662" y="4172463"/>
                    </a:lnTo>
                    <a:lnTo>
                      <a:pt x="683372" y="4194260"/>
                    </a:lnTo>
                    <a:lnTo>
                      <a:pt x="623574" y="4215483"/>
                    </a:lnTo>
                    <a:lnTo>
                      <a:pt x="563267" y="4236124"/>
                    </a:lnTo>
                    <a:lnTo>
                      <a:pt x="502450" y="4256170"/>
                    </a:lnTo>
                    <a:lnTo>
                      <a:pt x="441123" y="4275612"/>
                    </a:lnTo>
                    <a:lnTo>
                      <a:pt x="379282" y="4294440"/>
                    </a:lnTo>
                    <a:lnTo>
                      <a:pt x="316928" y="4312642"/>
                    </a:lnTo>
                    <a:lnTo>
                      <a:pt x="254060" y="4330209"/>
                    </a:lnTo>
                    <a:lnTo>
                      <a:pt x="190675" y="4347131"/>
                    </a:lnTo>
                    <a:lnTo>
                      <a:pt x="126774" y="4363396"/>
                    </a:lnTo>
                    <a:lnTo>
                      <a:pt x="85110" y="4379894"/>
                    </a:lnTo>
                    <a:lnTo>
                      <a:pt x="50439" y="4405859"/>
                    </a:lnTo>
                    <a:lnTo>
                      <a:pt x="23924" y="4439363"/>
                    </a:lnTo>
                    <a:lnTo>
                      <a:pt x="6723" y="4478475"/>
                    </a:lnTo>
                    <a:lnTo>
                      <a:pt x="0" y="4521267"/>
                    </a:lnTo>
                    <a:lnTo>
                      <a:pt x="4914" y="4565809"/>
                    </a:lnTo>
                    <a:lnTo>
                      <a:pt x="21253" y="4607187"/>
                    </a:lnTo>
                    <a:lnTo>
                      <a:pt x="46928" y="4641679"/>
                    </a:lnTo>
                    <a:lnTo>
                      <a:pt x="80052" y="4668154"/>
                    </a:lnTo>
                    <a:lnTo>
                      <a:pt x="118744" y="4685477"/>
                    </a:lnTo>
                    <a:lnTo>
                      <a:pt x="161118" y="4692517"/>
                    </a:lnTo>
                    <a:lnTo>
                      <a:pt x="172576" y="4692524"/>
                    </a:lnTo>
                    <a:lnTo>
                      <a:pt x="184120" y="4691730"/>
                    </a:lnTo>
                    <a:lnTo>
                      <a:pt x="272346" y="4671147"/>
                    </a:lnTo>
                    <a:lnTo>
                      <a:pt x="336846" y="4654011"/>
                    </a:lnTo>
                    <a:lnTo>
                      <a:pt x="400826" y="4636269"/>
                    </a:lnTo>
                    <a:lnTo>
                      <a:pt x="464289" y="4617932"/>
                    </a:lnTo>
                    <a:lnTo>
                      <a:pt x="527235" y="4599008"/>
                    </a:lnTo>
                    <a:lnTo>
                      <a:pt x="589666" y="4579507"/>
                    </a:lnTo>
                    <a:lnTo>
                      <a:pt x="651583" y="4559437"/>
                    </a:lnTo>
                    <a:lnTo>
                      <a:pt x="712988" y="4538809"/>
                    </a:lnTo>
                    <a:lnTo>
                      <a:pt x="773881" y="4517631"/>
                    </a:lnTo>
                    <a:lnTo>
                      <a:pt x="834265" y="4495913"/>
                    </a:lnTo>
                    <a:lnTo>
                      <a:pt x="894140" y="4473664"/>
                    </a:lnTo>
                    <a:lnTo>
                      <a:pt x="953509" y="4450893"/>
                    </a:lnTo>
                    <a:lnTo>
                      <a:pt x="1012371" y="4427610"/>
                    </a:lnTo>
                    <a:lnTo>
                      <a:pt x="1070730" y="4403824"/>
                    </a:lnTo>
                    <a:lnTo>
                      <a:pt x="1128585" y="4379544"/>
                    </a:lnTo>
                    <a:lnTo>
                      <a:pt x="1185939" y="4354779"/>
                    </a:lnTo>
                    <a:lnTo>
                      <a:pt x="1242792" y="4329539"/>
                    </a:lnTo>
                    <a:lnTo>
                      <a:pt x="1299146" y="4303833"/>
                    </a:lnTo>
                    <a:lnTo>
                      <a:pt x="1355003" y="4277670"/>
                    </a:lnTo>
                    <a:lnTo>
                      <a:pt x="1410363" y="4251059"/>
                    </a:lnTo>
                    <a:lnTo>
                      <a:pt x="1465228" y="4224011"/>
                    </a:lnTo>
                    <a:lnTo>
                      <a:pt x="1519600" y="4196533"/>
                    </a:lnTo>
                    <a:lnTo>
                      <a:pt x="1573480" y="4168636"/>
                    </a:lnTo>
                    <a:lnTo>
                      <a:pt x="1626868" y="4140328"/>
                    </a:lnTo>
                    <a:lnTo>
                      <a:pt x="1679767" y="4111620"/>
                    </a:lnTo>
                    <a:lnTo>
                      <a:pt x="1732178" y="4082519"/>
                    </a:lnTo>
                    <a:lnTo>
                      <a:pt x="1784102" y="4053036"/>
                    </a:lnTo>
                    <a:lnTo>
                      <a:pt x="1835540" y="4023179"/>
                    </a:lnTo>
                    <a:lnTo>
                      <a:pt x="1886494" y="3992959"/>
                    </a:lnTo>
                    <a:lnTo>
                      <a:pt x="1936966" y="3962383"/>
                    </a:lnTo>
                    <a:lnTo>
                      <a:pt x="1986956" y="3931463"/>
                    </a:lnTo>
                    <a:lnTo>
                      <a:pt x="2036465" y="3900206"/>
                    </a:lnTo>
                    <a:lnTo>
                      <a:pt x="2085496" y="3868622"/>
                    </a:lnTo>
                    <a:lnTo>
                      <a:pt x="2134050" y="3836720"/>
                    </a:lnTo>
                    <a:lnTo>
                      <a:pt x="2182127" y="3804510"/>
                    </a:lnTo>
                    <a:lnTo>
                      <a:pt x="2229730" y="3772001"/>
                    </a:lnTo>
                    <a:lnTo>
                      <a:pt x="2276859" y="3739202"/>
                    </a:lnTo>
                    <a:lnTo>
                      <a:pt x="2323516" y="3706123"/>
                    </a:lnTo>
                    <a:lnTo>
                      <a:pt x="2369702" y="3672772"/>
                    </a:lnTo>
                    <a:lnTo>
                      <a:pt x="2415419" y="3639160"/>
                    </a:lnTo>
                    <a:lnTo>
                      <a:pt x="2460668" y="3605294"/>
                    </a:lnTo>
                    <a:lnTo>
                      <a:pt x="2505451" y="3571185"/>
                    </a:lnTo>
                    <a:lnTo>
                      <a:pt x="2549768" y="3536842"/>
                    </a:lnTo>
                    <a:lnTo>
                      <a:pt x="2593621" y="3502275"/>
                    </a:lnTo>
                    <a:lnTo>
                      <a:pt x="2637011" y="3467491"/>
                    </a:lnTo>
                    <a:lnTo>
                      <a:pt x="2679940" y="3432501"/>
                    </a:lnTo>
                    <a:lnTo>
                      <a:pt x="2722409" y="3397314"/>
                    </a:lnTo>
                    <a:lnTo>
                      <a:pt x="2764419" y="3361939"/>
                    </a:lnTo>
                    <a:lnTo>
                      <a:pt x="2805972" y="3326386"/>
                    </a:lnTo>
                    <a:lnTo>
                      <a:pt x="2847070" y="3290663"/>
                    </a:lnTo>
                    <a:lnTo>
                      <a:pt x="2887712" y="3254781"/>
                    </a:lnTo>
                    <a:lnTo>
                      <a:pt x="2927902" y="3218748"/>
                    </a:lnTo>
                    <a:lnTo>
                      <a:pt x="2967639" y="3182573"/>
                    </a:lnTo>
                    <a:lnTo>
                      <a:pt x="3006926" y="3146266"/>
                    </a:lnTo>
                    <a:lnTo>
                      <a:pt x="3045764" y="3109837"/>
                    </a:lnTo>
                    <a:lnTo>
                      <a:pt x="3084154" y="3073293"/>
                    </a:lnTo>
                    <a:lnTo>
                      <a:pt x="3122097" y="3036646"/>
                    </a:lnTo>
                    <a:lnTo>
                      <a:pt x="3159596" y="2999903"/>
                    </a:lnTo>
                    <a:lnTo>
                      <a:pt x="3196650" y="2963075"/>
                    </a:lnTo>
                    <a:lnTo>
                      <a:pt x="3233262" y="2926170"/>
                    </a:lnTo>
                    <a:lnTo>
                      <a:pt x="3269433" y="2889197"/>
                    </a:lnTo>
                    <a:lnTo>
                      <a:pt x="3305164" y="2852167"/>
                    </a:lnTo>
                    <a:lnTo>
                      <a:pt x="3340457" y="2815089"/>
                    </a:lnTo>
                    <a:lnTo>
                      <a:pt x="3375313" y="2777970"/>
                    </a:lnTo>
                    <a:lnTo>
                      <a:pt x="3409732" y="2740822"/>
                    </a:lnTo>
                    <a:lnTo>
                      <a:pt x="3443718" y="2703653"/>
                    </a:lnTo>
                    <a:lnTo>
                      <a:pt x="3477270" y="2666472"/>
                    </a:lnTo>
                    <a:lnTo>
                      <a:pt x="3510391" y="2629289"/>
                    </a:lnTo>
                    <a:lnTo>
                      <a:pt x="3543081" y="2592113"/>
                    </a:lnTo>
                    <a:lnTo>
                      <a:pt x="3575343" y="2554953"/>
                    </a:lnTo>
                    <a:lnTo>
                      <a:pt x="3607177" y="2517819"/>
                    </a:lnTo>
                    <a:lnTo>
                      <a:pt x="3638584" y="2480719"/>
                    </a:lnTo>
                    <a:lnTo>
                      <a:pt x="3669566" y="2443664"/>
                    </a:lnTo>
                    <a:lnTo>
                      <a:pt x="3700125" y="2406662"/>
                    </a:lnTo>
                    <a:lnTo>
                      <a:pt x="3730262" y="2369722"/>
                    </a:lnTo>
                    <a:lnTo>
                      <a:pt x="3759977" y="2332855"/>
                    </a:lnTo>
                    <a:lnTo>
                      <a:pt x="3789273" y="2296068"/>
                    </a:lnTo>
                    <a:lnTo>
                      <a:pt x="3818151" y="2259372"/>
                    </a:lnTo>
                    <a:lnTo>
                      <a:pt x="3846612" y="2222776"/>
                    </a:lnTo>
                    <a:lnTo>
                      <a:pt x="3874658" y="2186289"/>
                    </a:lnTo>
                    <a:lnTo>
                      <a:pt x="3902289" y="2149920"/>
                    </a:lnTo>
                    <a:lnTo>
                      <a:pt x="3929507" y="2113678"/>
                    </a:lnTo>
                    <a:lnTo>
                      <a:pt x="3956314" y="2077574"/>
                    </a:lnTo>
                    <a:lnTo>
                      <a:pt x="3982710" y="2041615"/>
                    </a:lnTo>
                    <a:lnTo>
                      <a:pt x="4008698" y="2005812"/>
                    </a:lnTo>
                    <a:lnTo>
                      <a:pt x="4034278" y="1970174"/>
                    </a:lnTo>
                    <a:lnTo>
                      <a:pt x="4059453" y="1934709"/>
                    </a:lnTo>
                    <a:lnTo>
                      <a:pt x="4084222" y="1899428"/>
                    </a:lnTo>
                    <a:lnTo>
                      <a:pt x="4108588" y="1864339"/>
                    </a:lnTo>
                    <a:lnTo>
                      <a:pt x="4132552" y="1829452"/>
                    </a:lnTo>
                    <a:lnTo>
                      <a:pt x="4179279" y="1760320"/>
                    </a:lnTo>
                    <a:lnTo>
                      <a:pt x="4224414" y="1692106"/>
                    </a:lnTo>
                    <a:lnTo>
                      <a:pt x="4267967" y="1624885"/>
                    </a:lnTo>
                    <a:lnTo>
                      <a:pt x="4309949" y="1558731"/>
                    </a:lnTo>
                    <a:lnTo>
                      <a:pt x="4350372" y="1493717"/>
                    </a:lnTo>
                    <a:lnTo>
                      <a:pt x="4389245" y="1429919"/>
                    </a:lnTo>
                    <a:lnTo>
                      <a:pt x="4426581" y="1367410"/>
                    </a:lnTo>
                    <a:lnTo>
                      <a:pt x="4462388" y="1306264"/>
                    </a:lnTo>
                    <a:lnTo>
                      <a:pt x="4496679" y="1246556"/>
                    </a:lnTo>
                    <a:lnTo>
                      <a:pt x="4529463" y="1188360"/>
                    </a:lnTo>
                    <a:lnTo>
                      <a:pt x="4560753" y="1131750"/>
                    </a:lnTo>
                    <a:lnTo>
                      <a:pt x="4590557" y="1076800"/>
                    </a:lnTo>
                    <a:lnTo>
                      <a:pt x="4618888" y="1023585"/>
                    </a:lnTo>
                    <a:lnTo>
                      <a:pt x="4645756" y="972178"/>
                    </a:lnTo>
                    <a:lnTo>
                      <a:pt x="4683338" y="898622"/>
                    </a:lnTo>
                    <a:lnTo>
                      <a:pt x="4717689" y="829552"/>
                    </a:lnTo>
                    <a:lnTo>
                      <a:pt x="4748846" y="765220"/>
                    </a:lnTo>
                    <a:lnTo>
                      <a:pt x="4776843" y="705876"/>
                    </a:lnTo>
                    <a:lnTo>
                      <a:pt x="4785480" y="687246"/>
                    </a:lnTo>
                    <a:lnTo>
                      <a:pt x="4803569" y="727060"/>
                    </a:lnTo>
                    <a:lnTo>
                      <a:pt x="4822741" y="767717"/>
                    </a:lnTo>
                    <a:lnTo>
                      <a:pt x="4843024" y="809131"/>
                    </a:lnTo>
                    <a:lnTo>
                      <a:pt x="4864441" y="851218"/>
                    </a:lnTo>
                    <a:lnTo>
                      <a:pt x="4887020" y="893895"/>
                    </a:lnTo>
                    <a:lnTo>
                      <a:pt x="4910785" y="937077"/>
                    </a:lnTo>
                    <a:lnTo>
                      <a:pt x="4935761" y="980680"/>
                    </a:lnTo>
                    <a:lnTo>
                      <a:pt x="4961975" y="1024619"/>
                    </a:lnTo>
                    <a:lnTo>
                      <a:pt x="4989452" y="1068810"/>
                    </a:lnTo>
                    <a:lnTo>
                      <a:pt x="5018217" y="1113170"/>
                    </a:lnTo>
                    <a:lnTo>
                      <a:pt x="5048295" y="1157613"/>
                    </a:lnTo>
                    <a:lnTo>
                      <a:pt x="5079713" y="1202055"/>
                    </a:lnTo>
                    <a:lnTo>
                      <a:pt x="5112496" y="1246413"/>
                    </a:lnTo>
                    <a:lnTo>
                      <a:pt x="5138914" y="1274152"/>
                    </a:lnTo>
                    <a:lnTo>
                      <a:pt x="5204056" y="1307454"/>
                    </a:lnTo>
                    <a:lnTo>
                      <a:pt x="5240021" y="1312641"/>
                    </a:lnTo>
                    <a:lnTo>
                      <a:pt x="5267784" y="1311303"/>
                    </a:lnTo>
                    <a:lnTo>
                      <a:pt x="5321630" y="1294543"/>
                    </a:lnTo>
                    <a:lnTo>
                      <a:pt x="5378322" y="1247415"/>
                    </a:lnTo>
                    <a:lnTo>
                      <a:pt x="5400004" y="1209920"/>
                    </a:lnTo>
                    <a:lnTo>
                      <a:pt x="5411225" y="1168694"/>
                    </a:lnTo>
                    <a:lnTo>
                      <a:pt x="5411676" y="1125968"/>
                    </a:lnTo>
                    <a:lnTo>
                      <a:pt x="5401044" y="1083973"/>
                    </a:lnTo>
                    <a:lnTo>
                      <a:pt x="5379022" y="1044942"/>
                    </a:lnTo>
                    <a:lnTo>
                      <a:pt x="5331568" y="979720"/>
                    </a:lnTo>
                    <a:lnTo>
                      <a:pt x="5287337" y="914237"/>
                    </a:lnTo>
                    <a:lnTo>
                      <a:pt x="5246243" y="848880"/>
                    </a:lnTo>
                    <a:lnTo>
                      <a:pt x="5208200" y="784034"/>
                    </a:lnTo>
                    <a:lnTo>
                      <a:pt x="5173122" y="720085"/>
                    </a:lnTo>
                    <a:lnTo>
                      <a:pt x="5140922" y="657420"/>
                    </a:lnTo>
                    <a:lnTo>
                      <a:pt x="5111515" y="596425"/>
                    </a:lnTo>
                    <a:lnTo>
                      <a:pt x="5084814" y="537486"/>
                    </a:lnTo>
                    <a:lnTo>
                      <a:pt x="5060732" y="480989"/>
                    </a:lnTo>
                    <a:lnTo>
                      <a:pt x="5039184" y="427320"/>
                    </a:lnTo>
                    <a:lnTo>
                      <a:pt x="5020084" y="376865"/>
                    </a:lnTo>
                    <a:lnTo>
                      <a:pt x="5003344" y="330011"/>
                    </a:lnTo>
                    <a:lnTo>
                      <a:pt x="4988880" y="287143"/>
                    </a:lnTo>
                    <a:lnTo>
                      <a:pt x="4976604" y="248648"/>
                    </a:lnTo>
                    <a:lnTo>
                      <a:pt x="4958274" y="186321"/>
                    </a:lnTo>
                    <a:lnTo>
                      <a:pt x="4944083" y="131127"/>
                    </a:lnTo>
                    <a:lnTo>
                      <a:pt x="4929975" y="91155"/>
                    </a:lnTo>
                    <a:lnTo>
                      <a:pt x="4906660" y="56525"/>
                    </a:lnTo>
                    <a:lnTo>
                      <a:pt x="4875483" y="28746"/>
                    </a:lnTo>
                    <a:lnTo>
                      <a:pt x="4837793" y="9330"/>
                    </a:lnTo>
                    <a:lnTo>
                      <a:pt x="4796394" y="0"/>
                    </a:lnTo>
                    <a:close/>
                  </a:path>
                </a:pathLst>
              </a:custGeom>
              <a:solidFill>
                <a:srgbClr val="FFFFFF"/>
              </a:solidFill>
            </p:spPr>
            <p:txBody>
              <a:bodyPr wrap="square" lIns="0" tIns="0" rIns="0" bIns="0" rtlCol="0"/>
              <a:lstStyle/>
              <a:p>
                <a:endParaRPr sz="700"/>
              </a:p>
            </p:txBody>
          </p:sp>
          <p:sp>
            <p:nvSpPr>
              <p:cNvPr id="9" name="object 7">
                <a:extLst>
                  <a:ext uri="{FF2B5EF4-FFF2-40B4-BE49-F238E27FC236}">
                    <a16:creationId xmlns:a16="http://schemas.microsoft.com/office/drawing/2014/main" id="{650E8655-337D-8548-94E6-F43A75C65CDD}"/>
                  </a:ext>
                </a:extLst>
              </p:cNvPr>
              <p:cNvSpPr/>
              <p:nvPr/>
            </p:nvSpPr>
            <p:spPr>
              <a:xfrm>
                <a:off x="12085752" y="4647342"/>
                <a:ext cx="7515859" cy="6661784"/>
              </a:xfrm>
              <a:custGeom>
                <a:avLst/>
                <a:gdLst/>
                <a:ahLst/>
                <a:cxnLst/>
                <a:rect l="l" t="t" r="r" b="b"/>
                <a:pathLst>
                  <a:path w="7515859" h="6661784">
                    <a:moveTo>
                      <a:pt x="2216023" y="164414"/>
                    </a:moveTo>
                    <a:lnTo>
                      <a:pt x="2209914" y="122123"/>
                    </a:lnTo>
                    <a:lnTo>
                      <a:pt x="2192972" y="82257"/>
                    </a:lnTo>
                    <a:lnTo>
                      <a:pt x="2165235" y="47066"/>
                    </a:lnTo>
                    <a:lnTo>
                      <a:pt x="2129180" y="20434"/>
                    </a:lnTo>
                    <a:lnTo>
                      <a:pt x="2088781" y="4762"/>
                    </a:lnTo>
                    <a:lnTo>
                      <a:pt x="2046312" y="0"/>
                    </a:lnTo>
                    <a:lnTo>
                      <a:pt x="2004021" y="6108"/>
                    </a:lnTo>
                    <a:lnTo>
                      <a:pt x="1964169" y="23037"/>
                    </a:lnTo>
                    <a:lnTo>
                      <a:pt x="1929003" y="50774"/>
                    </a:lnTo>
                    <a:lnTo>
                      <a:pt x="1660194" y="326428"/>
                    </a:lnTo>
                    <a:lnTo>
                      <a:pt x="1376870" y="614870"/>
                    </a:lnTo>
                    <a:lnTo>
                      <a:pt x="1153261" y="841108"/>
                    </a:lnTo>
                    <a:lnTo>
                      <a:pt x="1094295" y="900544"/>
                    </a:lnTo>
                    <a:lnTo>
                      <a:pt x="987590" y="795883"/>
                    </a:lnTo>
                    <a:lnTo>
                      <a:pt x="886180" y="695807"/>
                    </a:lnTo>
                    <a:lnTo>
                      <a:pt x="790752" y="600989"/>
                    </a:lnTo>
                    <a:lnTo>
                      <a:pt x="701967" y="512051"/>
                    </a:lnTo>
                    <a:lnTo>
                      <a:pt x="620534" y="429666"/>
                    </a:lnTo>
                    <a:lnTo>
                      <a:pt x="547103" y="354457"/>
                    </a:lnTo>
                    <a:lnTo>
                      <a:pt x="513613" y="319747"/>
                    </a:lnTo>
                    <a:lnTo>
                      <a:pt x="482384" y="287070"/>
                    </a:lnTo>
                    <a:lnTo>
                      <a:pt x="453504" y="256527"/>
                    </a:lnTo>
                    <a:lnTo>
                      <a:pt x="427050" y="228180"/>
                    </a:lnTo>
                    <a:lnTo>
                      <a:pt x="381774" y="178409"/>
                    </a:lnTo>
                    <a:lnTo>
                      <a:pt x="347243" y="138404"/>
                    </a:lnTo>
                    <a:lnTo>
                      <a:pt x="302437" y="68529"/>
                    </a:lnTo>
                    <a:lnTo>
                      <a:pt x="270751" y="35674"/>
                    </a:lnTo>
                    <a:lnTo>
                      <a:pt x="230822" y="12395"/>
                    </a:lnTo>
                    <a:lnTo>
                      <a:pt x="184404" y="838"/>
                    </a:lnTo>
                    <a:lnTo>
                      <a:pt x="139560" y="2247"/>
                    </a:lnTo>
                    <a:lnTo>
                      <a:pt x="98145" y="14960"/>
                    </a:lnTo>
                    <a:lnTo>
                      <a:pt x="61874" y="37541"/>
                    </a:lnTo>
                    <a:lnTo>
                      <a:pt x="32499" y="68554"/>
                    </a:lnTo>
                    <a:lnTo>
                      <a:pt x="11734" y="106578"/>
                    </a:lnTo>
                    <a:lnTo>
                      <a:pt x="1320" y="150164"/>
                    </a:lnTo>
                    <a:lnTo>
                      <a:pt x="0" y="167132"/>
                    </a:lnTo>
                    <a:lnTo>
                      <a:pt x="38" y="176085"/>
                    </a:lnTo>
                    <a:lnTo>
                      <a:pt x="10998" y="220675"/>
                    </a:lnTo>
                    <a:lnTo>
                      <a:pt x="38023" y="270103"/>
                    </a:lnTo>
                    <a:lnTo>
                      <a:pt x="68973" y="314312"/>
                    </a:lnTo>
                    <a:lnTo>
                      <a:pt x="112750" y="369798"/>
                    </a:lnTo>
                    <a:lnTo>
                      <a:pt x="140106" y="402361"/>
                    </a:lnTo>
                    <a:lnTo>
                      <a:pt x="171475" y="438467"/>
                    </a:lnTo>
                    <a:lnTo>
                      <a:pt x="207111" y="478370"/>
                    </a:lnTo>
                    <a:lnTo>
                      <a:pt x="247294" y="522287"/>
                    </a:lnTo>
                    <a:lnTo>
                      <a:pt x="292265" y="570484"/>
                    </a:lnTo>
                    <a:lnTo>
                      <a:pt x="342303" y="623189"/>
                    </a:lnTo>
                    <a:lnTo>
                      <a:pt x="397687" y="680656"/>
                    </a:lnTo>
                    <a:lnTo>
                      <a:pt x="458660" y="743115"/>
                    </a:lnTo>
                    <a:lnTo>
                      <a:pt x="525487" y="810806"/>
                    </a:lnTo>
                    <a:lnTo>
                      <a:pt x="598462" y="883996"/>
                    </a:lnTo>
                    <a:lnTo>
                      <a:pt x="677824" y="962901"/>
                    </a:lnTo>
                    <a:lnTo>
                      <a:pt x="763841" y="1047775"/>
                    </a:lnTo>
                    <a:lnTo>
                      <a:pt x="856792" y="1138847"/>
                    </a:lnTo>
                    <a:lnTo>
                      <a:pt x="630885" y="1363713"/>
                    </a:lnTo>
                    <a:lnTo>
                      <a:pt x="443306" y="1548777"/>
                    </a:lnTo>
                    <a:lnTo>
                      <a:pt x="296418" y="1692363"/>
                    </a:lnTo>
                    <a:lnTo>
                      <a:pt x="189369" y="1796110"/>
                    </a:lnTo>
                    <a:lnTo>
                      <a:pt x="85902" y="1895487"/>
                    </a:lnTo>
                    <a:lnTo>
                      <a:pt x="52349" y="1927491"/>
                    </a:lnTo>
                    <a:lnTo>
                      <a:pt x="24307" y="1962442"/>
                    </a:lnTo>
                    <a:lnTo>
                      <a:pt x="7010" y="2002155"/>
                    </a:lnTo>
                    <a:lnTo>
                      <a:pt x="533" y="2044395"/>
                    </a:lnTo>
                    <a:lnTo>
                      <a:pt x="4927" y="2086889"/>
                    </a:lnTo>
                    <a:lnTo>
                      <a:pt x="20243" y="2127389"/>
                    </a:lnTo>
                    <a:lnTo>
                      <a:pt x="46545" y="2163661"/>
                    </a:lnTo>
                    <a:lnTo>
                      <a:pt x="102806" y="2202535"/>
                    </a:lnTo>
                    <a:lnTo>
                      <a:pt x="167563" y="2215540"/>
                    </a:lnTo>
                    <a:lnTo>
                      <a:pt x="198462" y="2212670"/>
                    </a:lnTo>
                    <a:lnTo>
                      <a:pt x="256895" y="2189657"/>
                    </a:lnTo>
                    <a:lnTo>
                      <a:pt x="386080" y="2070531"/>
                    </a:lnTo>
                    <a:lnTo>
                      <a:pt x="529793" y="1931441"/>
                    </a:lnTo>
                    <a:lnTo>
                      <a:pt x="678446" y="1786115"/>
                    </a:lnTo>
                    <a:lnTo>
                      <a:pt x="868210" y="1598904"/>
                    </a:lnTo>
                    <a:lnTo>
                      <a:pt x="1096568" y="1371549"/>
                    </a:lnTo>
                    <a:lnTo>
                      <a:pt x="1387246" y="1650555"/>
                    </a:lnTo>
                    <a:lnTo>
                      <a:pt x="1765439" y="2010244"/>
                    </a:lnTo>
                    <a:lnTo>
                      <a:pt x="1934286" y="2169922"/>
                    </a:lnTo>
                    <a:lnTo>
                      <a:pt x="1988286" y="2204174"/>
                    </a:lnTo>
                    <a:lnTo>
                      <a:pt x="2048941" y="2215540"/>
                    </a:lnTo>
                    <a:lnTo>
                      <a:pt x="2082025" y="2212251"/>
                    </a:lnTo>
                    <a:lnTo>
                      <a:pt x="2143810" y="2186038"/>
                    </a:lnTo>
                    <a:lnTo>
                      <a:pt x="2196579" y="2126792"/>
                    </a:lnTo>
                    <a:lnTo>
                      <a:pt x="2211730" y="2086229"/>
                    </a:lnTo>
                    <a:lnTo>
                      <a:pt x="2215959" y="2043709"/>
                    </a:lnTo>
                    <a:lnTo>
                      <a:pt x="2209304" y="2001507"/>
                    </a:lnTo>
                    <a:lnTo>
                      <a:pt x="2191855" y="1961857"/>
                    </a:lnTo>
                    <a:lnTo>
                      <a:pt x="2163661" y="1927034"/>
                    </a:lnTo>
                    <a:lnTo>
                      <a:pt x="1871599" y="1650034"/>
                    </a:lnTo>
                    <a:lnTo>
                      <a:pt x="1580591" y="1371676"/>
                    </a:lnTo>
                    <a:lnTo>
                      <a:pt x="1333728" y="1133576"/>
                    </a:lnTo>
                    <a:lnTo>
                      <a:pt x="1562823" y="902119"/>
                    </a:lnTo>
                    <a:lnTo>
                      <a:pt x="1858302" y="601649"/>
                    </a:lnTo>
                    <a:lnTo>
                      <a:pt x="2168944" y="283298"/>
                    </a:lnTo>
                    <a:lnTo>
                      <a:pt x="2195576" y="247256"/>
                    </a:lnTo>
                    <a:lnTo>
                      <a:pt x="2211247" y="206883"/>
                    </a:lnTo>
                    <a:lnTo>
                      <a:pt x="2216023" y="164414"/>
                    </a:lnTo>
                    <a:close/>
                  </a:path>
                  <a:path w="7515859" h="6661784">
                    <a:moveTo>
                      <a:pt x="7515606" y="4888814"/>
                    </a:moveTo>
                    <a:lnTo>
                      <a:pt x="7508316" y="4846117"/>
                    </a:lnTo>
                    <a:lnTo>
                      <a:pt x="7489444" y="4805477"/>
                    </a:lnTo>
                    <a:lnTo>
                      <a:pt x="7460513" y="4771263"/>
                    </a:lnTo>
                    <a:lnTo>
                      <a:pt x="7424839" y="4746701"/>
                    </a:lnTo>
                    <a:lnTo>
                      <a:pt x="7384631" y="4732261"/>
                    </a:lnTo>
                    <a:lnTo>
                      <a:pt x="7342086" y="4728438"/>
                    </a:lnTo>
                    <a:lnTo>
                      <a:pt x="7299376" y="4735728"/>
                    </a:lnTo>
                    <a:lnTo>
                      <a:pt x="7258723" y="4754600"/>
                    </a:lnTo>
                    <a:lnTo>
                      <a:pt x="7220305" y="4779581"/>
                    </a:lnTo>
                    <a:lnTo>
                      <a:pt x="7181659" y="4805578"/>
                    </a:lnTo>
                    <a:lnTo>
                      <a:pt x="7142810" y="4832540"/>
                    </a:lnTo>
                    <a:lnTo>
                      <a:pt x="7103808" y="4860429"/>
                    </a:lnTo>
                    <a:lnTo>
                      <a:pt x="7064642" y="4889208"/>
                    </a:lnTo>
                    <a:lnTo>
                      <a:pt x="7025360" y="4918837"/>
                    </a:lnTo>
                    <a:lnTo>
                      <a:pt x="6985990" y="4949253"/>
                    </a:lnTo>
                    <a:lnTo>
                      <a:pt x="6946532" y="4980444"/>
                    </a:lnTo>
                    <a:lnTo>
                      <a:pt x="6907022" y="5012347"/>
                    </a:lnTo>
                    <a:lnTo>
                      <a:pt x="6867474" y="5044922"/>
                    </a:lnTo>
                    <a:lnTo>
                      <a:pt x="6827926" y="5078146"/>
                    </a:lnTo>
                    <a:lnTo>
                      <a:pt x="6788404" y="5111966"/>
                    </a:lnTo>
                    <a:lnTo>
                      <a:pt x="6748920" y="5146332"/>
                    </a:lnTo>
                    <a:lnTo>
                      <a:pt x="6709499" y="5181219"/>
                    </a:lnTo>
                    <a:lnTo>
                      <a:pt x="6670141" y="5216588"/>
                    </a:lnTo>
                    <a:lnTo>
                      <a:pt x="6630949" y="5252351"/>
                    </a:lnTo>
                    <a:lnTo>
                      <a:pt x="6591871" y="5288521"/>
                    </a:lnTo>
                    <a:lnTo>
                      <a:pt x="6552946" y="5325034"/>
                    </a:lnTo>
                    <a:lnTo>
                      <a:pt x="6514211" y="5361851"/>
                    </a:lnTo>
                    <a:lnTo>
                      <a:pt x="6475679" y="5398948"/>
                    </a:lnTo>
                    <a:lnTo>
                      <a:pt x="6437389" y="5436247"/>
                    </a:lnTo>
                    <a:lnTo>
                      <a:pt x="6399339" y="5473738"/>
                    </a:lnTo>
                    <a:lnTo>
                      <a:pt x="6361570" y="5511368"/>
                    </a:lnTo>
                    <a:lnTo>
                      <a:pt x="6205613" y="5361825"/>
                    </a:lnTo>
                    <a:lnTo>
                      <a:pt x="6053023" y="5216563"/>
                    </a:lnTo>
                    <a:lnTo>
                      <a:pt x="5615851" y="4805477"/>
                    </a:lnTo>
                    <a:lnTo>
                      <a:pt x="5580913" y="4772977"/>
                    </a:lnTo>
                    <a:lnTo>
                      <a:pt x="5544324" y="4747145"/>
                    </a:lnTo>
                    <a:lnTo>
                      <a:pt x="5503634" y="4732337"/>
                    </a:lnTo>
                    <a:lnTo>
                      <a:pt x="5461076" y="4728476"/>
                    </a:lnTo>
                    <a:lnTo>
                      <a:pt x="5418925" y="4735474"/>
                    </a:lnTo>
                    <a:lnTo>
                      <a:pt x="5379428" y="4753254"/>
                    </a:lnTo>
                    <a:lnTo>
                      <a:pt x="5344820" y="4781728"/>
                    </a:lnTo>
                    <a:lnTo>
                      <a:pt x="5318976" y="4818316"/>
                    </a:lnTo>
                    <a:lnTo>
                      <a:pt x="5304155" y="4859020"/>
                    </a:lnTo>
                    <a:lnTo>
                      <a:pt x="5300294" y="4901565"/>
                    </a:lnTo>
                    <a:lnTo>
                      <a:pt x="5307304" y="4943716"/>
                    </a:lnTo>
                    <a:lnTo>
                      <a:pt x="5325084" y="4983213"/>
                    </a:lnTo>
                    <a:lnTo>
                      <a:pt x="5353558" y="5017821"/>
                    </a:lnTo>
                    <a:lnTo>
                      <a:pt x="5566181" y="5216588"/>
                    </a:lnTo>
                    <a:lnTo>
                      <a:pt x="5720219" y="5361851"/>
                    </a:lnTo>
                    <a:lnTo>
                      <a:pt x="6128880" y="5751855"/>
                    </a:lnTo>
                    <a:lnTo>
                      <a:pt x="6074816" y="5809729"/>
                    </a:lnTo>
                    <a:lnTo>
                      <a:pt x="6021933" y="5867070"/>
                    </a:lnTo>
                    <a:lnTo>
                      <a:pt x="5970321" y="5923686"/>
                    </a:lnTo>
                    <a:lnTo>
                      <a:pt x="5920054" y="5979439"/>
                    </a:lnTo>
                    <a:lnTo>
                      <a:pt x="5871235" y="6034176"/>
                    </a:lnTo>
                    <a:lnTo>
                      <a:pt x="5823940" y="6087732"/>
                    </a:lnTo>
                    <a:lnTo>
                      <a:pt x="5778271" y="6139967"/>
                    </a:lnTo>
                    <a:lnTo>
                      <a:pt x="5734316" y="6190716"/>
                    </a:lnTo>
                    <a:lnTo>
                      <a:pt x="5651868" y="6287135"/>
                    </a:lnTo>
                    <a:lnTo>
                      <a:pt x="5577306" y="6375755"/>
                    </a:lnTo>
                    <a:lnTo>
                      <a:pt x="5511343" y="6455346"/>
                    </a:lnTo>
                    <a:lnTo>
                      <a:pt x="5454688" y="6524663"/>
                    </a:lnTo>
                    <a:lnTo>
                      <a:pt x="5398490" y="6594437"/>
                    </a:lnTo>
                    <a:lnTo>
                      <a:pt x="5372125" y="6627533"/>
                    </a:lnTo>
                    <a:lnTo>
                      <a:pt x="5345582" y="6661213"/>
                    </a:lnTo>
                    <a:lnTo>
                      <a:pt x="5775337" y="6661213"/>
                    </a:lnTo>
                    <a:lnTo>
                      <a:pt x="5830913" y="6594399"/>
                    </a:lnTo>
                    <a:lnTo>
                      <a:pt x="5880938" y="6534836"/>
                    </a:lnTo>
                    <a:lnTo>
                      <a:pt x="5964186" y="6437147"/>
                    </a:lnTo>
                    <a:lnTo>
                      <a:pt x="6008903" y="6385331"/>
                    </a:lnTo>
                    <a:lnTo>
                      <a:pt x="6055550" y="6331801"/>
                    </a:lnTo>
                    <a:lnTo>
                      <a:pt x="6103988" y="6276746"/>
                    </a:lnTo>
                    <a:lnTo>
                      <a:pt x="6154140" y="6220333"/>
                    </a:lnTo>
                    <a:lnTo>
                      <a:pt x="6205867" y="6162776"/>
                    </a:lnTo>
                    <a:lnTo>
                      <a:pt x="6259068" y="6104255"/>
                    </a:lnTo>
                    <a:lnTo>
                      <a:pt x="6313627" y="6044958"/>
                    </a:lnTo>
                    <a:lnTo>
                      <a:pt x="6369431" y="5985065"/>
                    </a:lnTo>
                    <a:lnTo>
                      <a:pt x="6418161" y="6032728"/>
                    </a:lnTo>
                    <a:lnTo>
                      <a:pt x="6653098" y="6265164"/>
                    </a:lnTo>
                    <a:lnTo>
                      <a:pt x="6783425" y="6396622"/>
                    </a:lnTo>
                    <a:lnTo>
                      <a:pt x="6864159" y="6479387"/>
                    </a:lnTo>
                    <a:lnTo>
                      <a:pt x="6939026" y="6557404"/>
                    </a:lnTo>
                    <a:lnTo>
                      <a:pt x="6974027" y="6594437"/>
                    </a:lnTo>
                    <a:lnTo>
                      <a:pt x="7007199" y="6629933"/>
                    </a:lnTo>
                    <a:lnTo>
                      <a:pt x="7036041" y="6661213"/>
                    </a:lnTo>
                    <a:lnTo>
                      <a:pt x="7471715" y="6661213"/>
                    </a:lnTo>
                    <a:lnTo>
                      <a:pt x="7440485" y="6619837"/>
                    </a:lnTo>
                    <a:lnTo>
                      <a:pt x="7397623" y="6567322"/>
                    </a:lnTo>
                    <a:lnTo>
                      <a:pt x="7346759" y="6508318"/>
                    </a:lnTo>
                    <a:lnTo>
                      <a:pt x="7318565" y="6476581"/>
                    </a:lnTo>
                    <a:lnTo>
                      <a:pt x="7288631" y="6443459"/>
                    </a:lnTo>
                    <a:lnTo>
                      <a:pt x="7257072" y="6409029"/>
                    </a:lnTo>
                    <a:lnTo>
                      <a:pt x="7223950" y="6373368"/>
                    </a:lnTo>
                    <a:lnTo>
                      <a:pt x="7189368" y="6336563"/>
                    </a:lnTo>
                    <a:lnTo>
                      <a:pt x="7116178" y="6259804"/>
                    </a:lnTo>
                    <a:lnTo>
                      <a:pt x="7038238" y="6179388"/>
                    </a:lnTo>
                    <a:lnTo>
                      <a:pt x="6913931" y="6053277"/>
                    </a:lnTo>
                    <a:lnTo>
                      <a:pt x="6845821" y="5985065"/>
                    </a:lnTo>
                    <a:lnTo>
                      <a:pt x="6647637" y="5789130"/>
                    </a:lnTo>
                    <a:lnTo>
                      <a:pt x="6602019" y="5744476"/>
                    </a:lnTo>
                    <a:lnTo>
                      <a:pt x="6639369" y="5707240"/>
                    </a:lnTo>
                    <a:lnTo>
                      <a:pt x="6676961" y="5670169"/>
                    </a:lnTo>
                    <a:lnTo>
                      <a:pt x="6714769" y="5633339"/>
                    </a:lnTo>
                    <a:lnTo>
                      <a:pt x="6752755" y="5596763"/>
                    </a:lnTo>
                    <a:lnTo>
                      <a:pt x="6790918" y="5560517"/>
                    </a:lnTo>
                    <a:lnTo>
                      <a:pt x="6829196" y="5524627"/>
                    </a:lnTo>
                    <a:lnTo>
                      <a:pt x="6843547" y="5511368"/>
                    </a:lnTo>
                    <a:lnTo>
                      <a:pt x="6867601" y="5489143"/>
                    </a:lnTo>
                    <a:lnTo>
                      <a:pt x="6906082" y="5454104"/>
                    </a:lnTo>
                    <a:lnTo>
                      <a:pt x="6944614" y="5419572"/>
                    </a:lnTo>
                    <a:lnTo>
                      <a:pt x="6983171" y="5385574"/>
                    </a:lnTo>
                    <a:lnTo>
                      <a:pt x="7021741" y="5352161"/>
                    </a:lnTo>
                    <a:lnTo>
                      <a:pt x="7060285" y="5319382"/>
                    </a:lnTo>
                    <a:lnTo>
                      <a:pt x="7098766" y="5287276"/>
                    </a:lnTo>
                    <a:lnTo>
                      <a:pt x="7137184" y="5255895"/>
                    </a:lnTo>
                    <a:lnTo>
                      <a:pt x="7175500" y="5225275"/>
                    </a:lnTo>
                    <a:lnTo>
                      <a:pt x="7213676" y="5195468"/>
                    </a:lnTo>
                    <a:lnTo>
                      <a:pt x="7251700" y="5166525"/>
                    </a:lnTo>
                    <a:lnTo>
                      <a:pt x="7289546" y="5138471"/>
                    </a:lnTo>
                    <a:lnTo>
                      <a:pt x="7327189" y="5111369"/>
                    </a:lnTo>
                    <a:lnTo>
                      <a:pt x="7364590" y="5085258"/>
                    </a:lnTo>
                    <a:lnTo>
                      <a:pt x="7401725" y="5060188"/>
                    </a:lnTo>
                    <a:lnTo>
                      <a:pt x="7438580" y="5036197"/>
                    </a:lnTo>
                    <a:lnTo>
                      <a:pt x="7472794" y="5007267"/>
                    </a:lnTo>
                    <a:lnTo>
                      <a:pt x="7497356" y="4971580"/>
                    </a:lnTo>
                    <a:lnTo>
                      <a:pt x="7511796" y="4931372"/>
                    </a:lnTo>
                    <a:lnTo>
                      <a:pt x="7515606" y="4888814"/>
                    </a:lnTo>
                    <a:close/>
                  </a:path>
                </a:pathLst>
              </a:custGeom>
              <a:solidFill>
                <a:srgbClr val="9A1F2D"/>
              </a:solidFill>
            </p:spPr>
            <p:txBody>
              <a:bodyPr wrap="square" lIns="0" tIns="0" rIns="0" bIns="0" rtlCol="0"/>
              <a:lstStyle/>
              <a:p>
                <a:endParaRPr sz="700"/>
              </a:p>
            </p:txBody>
          </p:sp>
        </p:grpSp>
        <p:sp>
          <p:nvSpPr>
            <p:cNvPr id="10" name="object 8">
              <a:extLst>
                <a:ext uri="{FF2B5EF4-FFF2-40B4-BE49-F238E27FC236}">
                  <a16:creationId xmlns:a16="http://schemas.microsoft.com/office/drawing/2014/main" id="{D8D7E6F4-139E-914C-9316-3AF95594CEF0}"/>
                </a:ext>
              </a:extLst>
            </p:cNvPr>
            <p:cNvSpPr/>
            <p:nvPr userDrawn="1"/>
          </p:nvSpPr>
          <p:spPr>
            <a:xfrm>
              <a:off x="9114576" y="12229556"/>
              <a:ext cx="2215515" cy="1390650"/>
            </a:xfrm>
            <a:custGeom>
              <a:avLst/>
              <a:gdLst/>
              <a:ahLst/>
              <a:cxnLst/>
              <a:rect l="l" t="t" r="r" b="b"/>
              <a:pathLst>
                <a:path w="2215515" h="1390650">
                  <a:moveTo>
                    <a:pt x="160784" y="39"/>
                  </a:moveTo>
                  <a:lnTo>
                    <a:pt x="118631" y="7038"/>
                  </a:lnTo>
                  <a:lnTo>
                    <a:pt x="79125" y="24814"/>
                  </a:lnTo>
                  <a:lnTo>
                    <a:pt x="44518" y="53280"/>
                  </a:lnTo>
                  <a:lnTo>
                    <a:pt x="18675" y="89879"/>
                  </a:lnTo>
                  <a:lnTo>
                    <a:pt x="3863" y="130576"/>
                  </a:lnTo>
                  <a:lnTo>
                    <a:pt x="0" y="173124"/>
                  </a:lnTo>
                  <a:lnTo>
                    <a:pt x="7000" y="215272"/>
                  </a:lnTo>
                  <a:lnTo>
                    <a:pt x="24782" y="254773"/>
                  </a:lnTo>
                  <a:lnTo>
                    <a:pt x="53261" y="289378"/>
                  </a:lnTo>
                  <a:lnTo>
                    <a:pt x="265880" y="488145"/>
                  </a:lnTo>
                  <a:lnTo>
                    <a:pt x="419917" y="633415"/>
                  </a:lnTo>
                  <a:lnTo>
                    <a:pt x="828578" y="1023408"/>
                  </a:lnTo>
                  <a:lnTo>
                    <a:pt x="774518" y="1081294"/>
                  </a:lnTo>
                  <a:lnTo>
                    <a:pt x="721636" y="1138624"/>
                  </a:lnTo>
                  <a:lnTo>
                    <a:pt x="670019" y="1195244"/>
                  </a:lnTo>
                  <a:lnTo>
                    <a:pt x="619756" y="1250999"/>
                  </a:lnTo>
                  <a:lnTo>
                    <a:pt x="570936" y="1305734"/>
                  </a:lnTo>
                  <a:lnTo>
                    <a:pt x="523647" y="1359294"/>
                  </a:lnTo>
                  <a:lnTo>
                    <a:pt x="496449" y="1390399"/>
                  </a:lnTo>
                  <a:lnTo>
                    <a:pt x="945507" y="1390399"/>
                  </a:lnTo>
                  <a:lnTo>
                    <a:pt x="958765" y="1375814"/>
                  </a:lnTo>
                  <a:lnTo>
                    <a:pt x="1013326" y="1316514"/>
                  </a:lnTo>
                  <a:lnTo>
                    <a:pt x="1069136" y="1256626"/>
                  </a:lnTo>
                  <a:lnTo>
                    <a:pt x="1545521" y="1256626"/>
                  </a:lnTo>
                  <a:lnTo>
                    <a:pt x="1347345" y="1060690"/>
                  </a:lnTo>
                  <a:lnTo>
                    <a:pt x="1301715" y="1016036"/>
                  </a:lnTo>
                  <a:lnTo>
                    <a:pt x="1339068" y="978793"/>
                  </a:lnTo>
                  <a:lnTo>
                    <a:pt x="1376661" y="941731"/>
                  </a:lnTo>
                  <a:lnTo>
                    <a:pt x="1414467" y="904894"/>
                  </a:lnTo>
                  <a:lnTo>
                    <a:pt x="1452461" y="868327"/>
                  </a:lnTo>
                  <a:lnTo>
                    <a:pt x="1490615" y="832076"/>
                  </a:lnTo>
                  <a:lnTo>
                    <a:pt x="1528904" y="796186"/>
                  </a:lnTo>
                  <a:lnTo>
                    <a:pt x="1543255" y="782923"/>
                  </a:lnTo>
                  <a:lnTo>
                    <a:pt x="1061272" y="782923"/>
                  </a:lnTo>
                  <a:lnTo>
                    <a:pt x="905310" y="633379"/>
                  </a:lnTo>
                  <a:lnTo>
                    <a:pt x="752724" y="488124"/>
                  </a:lnTo>
                  <a:lnTo>
                    <a:pt x="315555" y="77039"/>
                  </a:lnTo>
                  <a:lnTo>
                    <a:pt x="280615" y="44537"/>
                  </a:lnTo>
                  <a:lnTo>
                    <a:pt x="244027" y="18704"/>
                  </a:lnTo>
                  <a:lnTo>
                    <a:pt x="203333" y="3899"/>
                  </a:lnTo>
                  <a:lnTo>
                    <a:pt x="160784" y="39"/>
                  </a:lnTo>
                  <a:close/>
                </a:path>
                <a:path w="2215515" h="1390650">
                  <a:moveTo>
                    <a:pt x="1545521" y="1256626"/>
                  </a:moveTo>
                  <a:lnTo>
                    <a:pt x="1069136" y="1256626"/>
                  </a:lnTo>
                  <a:lnTo>
                    <a:pt x="1205447" y="1390399"/>
                  </a:lnTo>
                  <a:lnTo>
                    <a:pt x="1678508" y="1390399"/>
                  </a:lnTo>
                  <a:lnTo>
                    <a:pt x="1545521" y="1256626"/>
                  </a:lnTo>
                  <a:close/>
                </a:path>
                <a:path w="2215515" h="1390650">
                  <a:moveTo>
                    <a:pt x="2041782" y="0"/>
                  </a:moveTo>
                  <a:lnTo>
                    <a:pt x="1999080" y="7286"/>
                  </a:lnTo>
                  <a:lnTo>
                    <a:pt x="1958428" y="26161"/>
                  </a:lnTo>
                  <a:lnTo>
                    <a:pt x="1920001" y="51145"/>
                  </a:lnTo>
                  <a:lnTo>
                    <a:pt x="1881356" y="77139"/>
                  </a:lnTo>
                  <a:lnTo>
                    <a:pt x="1842517" y="104102"/>
                  </a:lnTo>
                  <a:lnTo>
                    <a:pt x="1803507" y="131992"/>
                  </a:lnTo>
                  <a:lnTo>
                    <a:pt x="1764349" y="160769"/>
                  </a:lnTo>
                  <a:lnTo>
                    <a:pt x="1725068" y="190389"/>
                  </a:lnTo>
                  <a:lnTo>
                    <a:pt x="1685687" y="220812"/>
                  </a:lnTo>
                  <a:lnTo>
                    <a:pt x="1646229" y="251997"/>
                  </a:lnTo>
                  <a:lnTo>
                    <a:pt x="1606719" y="283902"/>
                  </a:lnTo>
                  <a:lnTo>
                    <a:pt x="1567179" y="316485"/>
                  </a:lnTo>
                  <a:lnTo>
                    <a:pt x="1527634" y="349705"/>
                  </a:lnTo>
                  <a:lnTo>
                    <a:pt x="1488108" y="383520"/>
                  </a:lnTo>
                  <a:lnTo>
                    <a:pt x="1448623" y="417889"/>
                  </a:lnTo>
                  <a:lnTo>
                    <a:pt x="1409203" y="452771"/>
                  </a:lnTo>
                  <a:lnTo>
                    <a:pt x="1369850" y="488145"/>
                  </a:lnTo>
                  <a:lnTo>
                    <a:pt x="1330655" y="523906"/>
                  </a:lnTo>
                  <a:lnTo>
                    <a:pt x="1291574" y="560076"/>
                  </a:lnTo>
                  <a:lnTo>
                    <a:pt x="1252652" y="596593"/>
                  </a:lnTo>
                  <a:lnTo>
                    <a:pt x="1213915" y="633415"/>
                  </a:lnTo>
                  <a:lnTo>
                    <a:pt x="1175384" y="670500"/>
                  </a:lnTo>
                  <a:lnTo>
                    <a:pt x="1137084" y="707808"/>
                  </a:lnTo>
                  <a:lnTo>
                    <a:pt x="1099039" y="745296"/>
                  </a:lnTo>
                  <a:lnTo>
                    <a:pt x="1061272" y="782923"/>
                  </a:lnTo>
                  <a:lnTo>
                    <a:pt x="1543255" y="782923"/>
                  </a:lnTo>
                  <a:lnTo>
                    <a:pt x="1567300" y="760701"/>
                  </a:lnTo>
                  <a:lnTo>
                    <a:pt x="1605779" y="725667"/>
                  </a:lnTo>
                  <a:lnTo>
                    <a:pt x="1644313" y="691129"/>
                  </a:lnTo>
                  <a:lnTo>
                    <a:pt x="1682875" y="657132"/>
                  </a:lnTo>
                  <a:lnTo>
                    <a:pt x="1721441" y="623721"/>
                  </a:lnTo>
                  <a:lnTo>
                    <a:pt x="1759982" y="590941"/>
                  </a:lnTo>
                  <a:lnTo>
                    <a:pt x="1798473" y="558837"/>
                  </a:lnTo>
                  <a:lnTo>
                    <a:pt x="1836887" y="527454"/>
                  </a:lnTo>
                  <a:lnTo>
                    <a:pt x="1875198" y="496837"/>
                  </a:lnTo>
                  <a:lnTo>
                    <a:pt x="1913380" y="467031"/>
                  </a:lnTo>
                  <a:lnTo>
                    <a:pt x="1951406" y="438081"/>
                  </a:lnTo>
                  <a:lnTo>
                    <a:pt x="1989250" y="410033"/>
                  </a:lnTo>
                  <a:lnTo>
                    <a:pt x="2026886" y="382931"/>
                  </a:lnTo>
                  <a:lnTo>
                    <a:pt x="2064286" y="356821"/>
                  </a:lnTo>
                  <a:lnTo>
                    <a:pt x="2101425" y="331747"/>
                  </a:lnTo>
                  <a:lnTo>
                    <a:pt x="2138276" y="307754"/>
                  </a:lnTo>
                  <a:lnTo>
                    <a:pt x="2172492" y="278819"/>
                  </a:lnTo>
                  <a:lnTo>
                    <a:pt x="2197059" y="243144"/>
                  </a:lnTo>
                  <a:lnTo>
                    <a:pt x="2211494" y="202928"/>
                  </a:lnTo>
                  <a:lnTo>
                    <a:pt x="2215311" y="160372"/>
                  </a:lnTo>
                  <a:lnTo>
                    <a:pt x="2208026" y="117675"/>
                  </a:lnTo>
                  <a:lnTo>
                    <a:pt x="2189154" y="77039"/>
                  </a:lnTo>
                  <a:lnTo>
                    <a:pt x="2160221" y="42822"/>
                  </a:lnTo>
                  <a:lnTo>
                    <a:pt x="2124550" y="18253"/>
                  </a:lnTo>
                  <a:lnTo>
                    <a:pt x="2084338" y="3817"/>
                  </a:lnTo>
                  <a:lnTo>
                    <a:pt x="2041782" y="0"/>
                  </a:lnTo>
                  <a:close/>
                </a:path>
              </a:pathLst>
            </a:custGeom>
            <a:solidFill>
              <a:srgbClr val="9A1F2D"/>
            </a:solidFill>
          </p:spPr>
          <p:txBody>
            <a:bodyPr wrap="square" lIns="0" tIns="0" rIns="0" bIns="0" rtlCol="0"/>
            <a:lstStyle/>
            <a:p>
              <a:endParaRPr sz="700"/>
            </a:p>
          </p:txBody>
        </p:sp>
        <p:sp>
          <p:nvSpPr>
            <p:cNvPr id="11" name="object 9">
              <a:extLst>
                <a:ext uri="{FF2B5EF4-FFF2-40B4-BE49-F238E27FC236}">
                  <a16:creationId xmlns:a16="http://schemas.microsoft.com/office/drawing/2014/main" id="{1CFFFDD3-09AA-414B-AA53-737E5272213A}"/>
                </a:ext>
              </a:extLst>
            </p:cNvPr>
            <p:cNvSpPr/>
            <p:nvPr userDrawn="1"/>
          </p:nvSpPr>
          <p:spPr>
            <a:xfrm>
              <a:off x="21173123" y="3848461"/>
              <a:ext cx="2713990" cy="2703830"/>
            </a:xfrm>
            <a:custGeom>
              <a:avLst/>
              <a:gdLst/>
              <a:ahLst/>
              <a:cxnLst/>
              <a:rect l="l" t="t" r="r" b="b"/>
              <a:pathLst>
                <a:path w="2713990" h="2703829">
                  <a:moveTo>
                    <a:pt x="2713596" y="1497152"/>
                  </a:moveTo>
                  <a:lnTo>
                    <a:pt x="2712643" y="1446352"/>
                  </a:lnTo>
                  <a:lnTo>
                    <a:pt x="2709773" y="1395552"/>
                  </a:lnTo>
                  <a:lnTo>
                    <a:pt x="2705036" y="1357452"/>
                  </a:lnTo>
                  <a:lnTo>
                    <a:pt x="2698470" y="1306652"/>
                  </a:lnTo>
                  <a:lnTo>
                    <a:pt x="2690114" y="1255852"/>
                  </a:lnTo>
                  <a:lnTo>
                    <a:pt x="2679992" y="1217752"/>
                  </a:lnTo>
                  <a:lnTo>
                    <a:pt x="2668155" y="1166952"/>
                  </a:lnTo>
                  <a:lnTo>
                    <a:pt x="2654643" y="1128852"/>
                  </a:lnTo>
                  <a:lnTo>
                    <a:pt x="2639466" y="1078052"/>
                  </a:lnTo>
                  <a:lnTo>
                    <a:pt x="2622689" y="1039952"/>
                  </a:lnTo>
                  <a:lnTo>
                    <a:pt x="2604338" y="1001852"/>
                  </a:lnTo>
                  <a:lnTo>
                    <a:pt x="2584437" y="951052"/>
                  </a:lnTo>
                  <a:lnTo>
                    <a:pt x="2563037" y="912952"/>
                  </a:lnTo>
                  <a:lnTo>
                    <a:pt x="2540177" y="874852"/>
                  </a:lnTo>
                  <a:lnTo>
                    <a:pt x="2515895" y="836752"/>
                  </a:lnTo>
                  <a:lnTo>
                    <a:pt x="2490203" y="798652"/>
                  </a:lnTo>
                  <a:lnTo>
                    <a:pt x="2463165" y="760552"/>
                  </a:lnTo>
                  <a:lnTo>
                    <a:pt x="2434806" y="722452"/>
                  </a:lnTo>
                  <a:lnTo>
                    <a:pt x="2405164" y="697052"/>
                  </a:lnTo>
                  <a:lnTo>
                    <a:pt x="2378583" y="664273"/>
                  </a:lnTo>
                  <a:lnTo>
                    <a:pt x="2378583" y="1532077"/>
                  </a:lnTo>
                  <a:lnTo>
                    <a:pt x="2378189" y="1547952"/>
                  </a:lnTo>
                  <a:lnTo>
                    <a:pt x="2374328" y="1598752"/>
                  </a:lnTo>
                  <a:lnTo>
                    <a:pt x="2367978" y="1636852"/>
                  </a:lnTo>
                  <a:lnTo>
                    <a:pt x="2359215" y="1687652"/>
                  </a:lnTo>
                  <a:lnTo>
                    <a:pt x="2348090" y="1725752"/>
                  </a:lnTo>
                  <a:lnTo>
                    <a:pt x="2334679" y="1776552"/>
                  </a:lnTo>
                  <a:lnTo>
                    <a:pt x="2319058" y="1814652"/>
                  </a:lnTo>
                  <a:lnTo>
                    <a:pt x="2301278" y="1865452"/>
                  </a:lnTo>
                  <a:lnTo>
                    <a:pt x="2281415" y="1903552"/>
                  </a:lnTo>
                  <a:lnTo>
                    <a:pt x="2259533" y="1941652"/>
                  </a:lnTo>
                  <a:lnTo>
                    <a:pt x="2235695" y="1979752"/>
                  </a:lnTo>
                  <a:lnTo>
                    <a:pt x="2209990" y="2017852"/>
                  </a:lnTo>
                  <a:lnTo>
                    <a:pt x="2182457" y="2055952"/>
                  </a:lnTo>
                  <a:lnTo>
                    <a:pt x="2153183" y="2081352"/>
                  </a:lnTo>
                  <a:lnTo>
                    <a:pt x="2122233" y="2119452"/>
                  </a:lnTo>
                  <a:lnTo>
                    <a:pt x="2089658" y="2144852"/>
                  </a:lnTo>
                  <a:lnTo>
                    <a:pt x="2055545" y="2182952"/>
                  </a:lnTo>
                  <a:lnTo>
                    <a:pt x="2019960" y="2208352"/>
                  </a:lnTo>
                  <a:lnTo>
                    <a:pt x="1982952" y="2233752"/>
                  </a:lnTo>
                  <a:lnTo>
                    <a:pt x="1944611" y="2259152"/>
                  </a:lnTo>
                  <a:lnTo>
                    <a:pt x="1904987" y="2271852"/>
                  </a:lnTo>
                  <a:lnTo>
                    <a:pt x="1864156" y="2297252"/>
                  </a:lnTo>
                  <a:lnTo>
                    <a:pt x="1822196" y="2309952"/>
                  </a:lnTo>
                  <a:lnTo>
                    <a:pt x="1779143" y="2335352"/>
                  </a:lnTo>
                  <a:lnTo>
                    <a:pt x="1690116" y="2360752"/>
                  </a:lnTo>
                  <a:lnTo>
                    <a:pt x="1644256" y="2360752"/>
                  </a:lnTo>
                  <a:lnTo>
                    <a:pt x="1597596" y="2373452"/>
                  </a:lnTo>
                  <a:lnTo>
                    <a:pt x="1544358" y="2373452"/>
                  </a:lnTo>
                  <a:lnTo>
                    <a:pt x="1628952" y="2349500"/>
                  </a:lnTo>
                  <a:lnTo>
                    <a:pt x="1671967" y="2324100"/>
                  </a:lnTo>
                  <a:lnTo>
                    <a:pt x="1714157" y="2311400"/>
                  </a:lnTo>
                  <a:lnTo>
                    <a:pt x="1755508" y="2286000"/>
                  </a:lnTo>
                  <a:lnTo>
                    <a:pt x="1795983" y="2273300"/>
                  </a:lnTo>
                  <a:lnTo>
                    <a:pt x="1835543" y="2247900"/>
                  </a:lnTo>
                  <a:lnTo>
                    <a:pt x="1874139" y="2222500"/>
                  </a:lnTo>
                  <a:lnTo>
                    <a:pt x="1911743" y="2197100"/>
                  </a:lnTo>
                  <a:lnTo>
                    <a:pt x="1948319" y="2171700"/>
                  </a:lnTo>
                  <a:lnTo>
                    <a:pt x="1983828" y="2146300"/>
                  </a:lnTo>
                  <a:lnTo>
                    <a:pt x="2018245" y="2108200"/>
                  </a:lnTo>
                  <a:lnTo>
                    <a:pt x="2051519" y="2082800"/>
                  </a:lnTo>
                  <a:lnTo>
                    <a:pt x="2083625" y="2044700"/>
                  </a:lnTo>
                  <a:lnTo>
                    <a:pt x="2114512" y="2019300"/>
                  </a:lnTo>
                  <a:lnTo>
                    <a:pt x="2144153" y="1981200"/>
                  </a:lnTo>
                  <a:lnTo>
                    <a:pt x="2172512" y="1943100"/>
                  </a:lnTo>
                  <a:lnTo>
                    <a:pt x="2199551" y="1905000"/>
                  </a:lnTo>
                  <a:lnTo>
                    <a:pt x="2225243" y="1866900"/>
                  </a:lnTo>
                  <a:lnTo>
                    <a:pt x="2249525" y="1828800"/>
                  </a:lnTo>
                  <a:lnTo>
                    <a:pt x="2272398" y="1790700"/>
                  </a:lnTo>
                  <a:lnTo>
                    <a:pt x="2293785" y="1752600"/>
                  </a:lnTo>
                  <a:lnTo>
                    <a:pt x="2313686" y="1714500"/>
                  </a:lnTo>
                  <a:lnTo>
                    <a:pt x="2332037" y="1663700"/>
                  </a:lnTo>
                  <a:lnTo>
                    <a:pt x="2348827" y="1625600"/>
                  </a:lnTo>
                  <a:lnTo>
                    <a:pt x="2363990" y="1587500"/>
                  </a:lnTo>
                  <a:lnTo>
                    <a:pt x="2377516" y="1536700"/>
                  </a:lnTo>
                  <a:lnTo>
                    <a:pt x="2378583" y="1532077"/>
                  </a:lnTo>
                  <a:lnTo>
                    <a:pt x="2378583" y="664273"/>
                  </a:lnTo>
                  <a:lnTo>
                    <a:pt x="2374277" y="658952"/>
                  </a:lnTo>
                  <a:lnTo>
                    <a:pt x="2342172" y="620852"/>
                  </a:lnTo>
                  <a:lnTo>
                    <a:pt x="2308898" y="595452"/>
                  </a:lnTo>
                  <a:lnTo>
                    <a:pt x="2274481" y="570052"/>
                  </a:lnTo>
                  <a:lnTo>
                    <a:pt x="2238972" y="531952"/>
                  </a:lnTo>
                  <a:lnTo>
                    <a:pt x="2202396" y="506552"/>
                  </a:lnTo>
                  <a:lnTo>
                    <a:pt x="2194953" y="501535"/>
                  </a:lnTo>
                  <a:lnTo>
                    <a:pt x="2172512" y="469900"/>
                  </a:lnTo>
                  <a:lnTo>
                    <a:pt x="2144153" y="431800"/>
                  </a:lnTo>
                  <a:lnTo>
                    <a:pt x="2114512" y="406400"/>
                  </a:lnTo>
                  <a:lnTo>
                    <a:pt x="2088832" y="374726"/>
                  </a:lnTo>
                  <a:lnTo>
                    <a:pt x="2088832" y="1206500"/>
                  </a:lnTo>
                  <a:lnTo>
                    <a:pt x="2087537" y="1257300"/>
                  </a:lnTo>
                  <a:lnTo>
                    <a:pt x="2083676" y="1308100"/>
                  </a:lnTo>
                  <a:lnTo>
                    <a:pt x="2077326" y="1346200"/>
                  </a:lnTo>
                  <a:lnTo>
                    <a:pt x="2068563" y="1397000"/>
                  </a:lnTo>
                  <a:lnTo>
                    <a:pt x="2057438" y="1435100"/>
                  </a:lnTo>
                  <a:lnTo>
                    <a:pt x="2044039" y="1485900"/>
                  </a:lnTo>
                  <a:lnTo>
                    <a:pt x="2028405" y="1524000"/>
                  </a:lnTo>
                  <a:lnTo>
                    <a:pt x="2010625" y="1574800"/>
                  </a:lnTo>
                  <a:lnTo>
                    <a:pt x="1990763" y="1612900"/>
                  </a:lnTo>
                  <a:lnTo>
                    <a:pt x="1968881" y="1651000"/>
                  </a:lnTo>
                  <a:lnTo>
                    <a:pt x="1945055" y="1689100"/>
                  </a:lnTo>
                  <a:lnTo>
                    <a:pt x="1919338" y="1727200"/>
                  </a:lnTo>
                  <a:lnTo>
                    <a:pt x="1891804" y="1765300"/>
                  </a:lnTo>
                  <a:lnTo>
                    <a:pt x="1862531" y="1790700"/>
                  </a:lnTo>
                  <a:lnTo>
                    <a:pt x="1831581" y="1828800"/>
                  </a:lnTo>
                  <a:lnTo>
                    <a:pt x="1799005" y="1854200"/>
                  </a:lnTo>
                  <a:lnTo>
                    <a:pt x="1764893" y="1892300"/>
                  </a:lnTo>
                  <a:lnTo>
                    <a:pt x="1729308" y="1917700"/>
                  </a:lnTo>
                  <a:lnTo>
                    <a:pt x="1692300" y="1943100"/>
                  </a:lnTo>
                  <a:lnTo>
                    <a:pt x="1653959" y="1968500"/>
                  </a:lnTo>
                  <a:lnTo>
                    <a:pt x="1614335" y="1981200"/>
                  </a:lnTo>
                  <a:lnTo>
                    <a:pt x="1573504" y="2006600"/>
                  </a:lnTo>
                  <a:lnTo>
                    <a:pt x="1531543" y="2019300"/>
                  </a:lnTo>
                  <a:lnTo>
                    <a:pt x="1488503" y="2044700"/>
                  </a:lnTo>
                  <a:lnTo>
                    <a:pt x="1399463" y="2070100"/>
                  </a:lnTo>
                  <a:lnTo>
                    <a:pt x="1353604" y="2070100"/>
                  </a:lnTo>
                  <a:lnTo>
                    <a:pt x="1306944" y="2082800"/>
                  </a:lnTo>
                  <a:lnTo>
                    <a:pt x="1116012" y="2082800"/>
                  </a:lnTo>
                  <a:lnTo>
                    <a:pt x="1069352" y="2070100"/>
                  </a:lnTo>
                  <a:lnTo>
                    <a:pt x="1023493" y="2070100"/>
                  </a:lnTo>
                  <a:lnTo>
                    <a:pt x="934466" y="2044700"/>
                  </a:lnTo>
                  <a:lnTo>
                    <a:pt x="891413" y="2019300"/>
                  </a:lnTo>
                  <a:lnTo>
                    <a:pt x="849452" y="2006600"/>
                  </a:lnTo>
                  <a:lnTo>
                    <a:pt x="808621" y="1981200"/>
                  </a:lnTo>
                  <a:lnTo>
                    <a:pt x="768997" y="1968500"/>
                  </a:lnTo>
                  <a:lnTo>
                    <a:pt x="722845" y="1903552"/>
                  </a:lnTo>
                  <a:lnTo>
                    <a:pt x="702983" y="1865452"/>
                  </a:lnTo>
                  <a:lnTo>
                    <a:pt x="685203" y="1814652"/>
                  </a:lnTo>
                  <a:lnTo>
                    <a:pt x="669582" y="1776552"/>
                  </a:lnTo>
                  <a:lnTo>
                    <a:pt x="656170" y="1725752"/>
                  </a:lnTo>
                  <a:lnTo>
                    <a:pt x="645045" y="1687652"/>
                  </a:lnTo>
                  <a:lnTo>
                    <a:pt x="636282" y="1636852"/>
                  </a:lnTo>
                  <a:lnTo>
                    <a:pt x="629932" y="1598752"/>
                  </a:lnTo>
                  <a:lnTo>
                    <a:pt x="626071" y="1547952"/>
                  </a:lnTo>
                  <a:lnTo>
                    <a:pt x="624776" y="1497152"/>
                  </a:lnTo>
                  <a:lnTo>
                    <a:pt x="626071" y="1446352"/>
                  </a:lnTo>
                  <a:lnTo>
                    <a:pt x="629932" y="1408252"/>
                  </a:lnTo>
                  <a:lnTo>
                    <a:pt x="636282" y="1357452"/>
                  </a:lnTo>
                  <a:lnTo>
                    <a:pt x="645045" y="1306652"/>
                  </a:lnTo>
                  <a:lnTo>
                    <a:pt x="656170" y="1268552"/>
                  </a:lnTo>
                  <a:lnTo>
                    <a:pt x="669582" y="1217752"/>
                  </a:lnTo>
                  <a:lnTo>
                    <a:pt x="685203" y="1179652"/>
                  </a:lnTo>
                  <a:lnTo>
                    <a:pt x="702983" y="1141552"/>
                  </a:lnTo>
                  <a:lnTo>
                    <a:pt x="722845" y="1090752"/>
                  </a:lnTo>
                  <a:lnTo>
                    <a:pt x="744728" y="1052652"/>
                  </a:lnTo>
                  <a:lnTo>
                    <a:pt x="768565" y="1014552"/>
                  </a:lnTo>
                  <a:lnTo>
                    <a:pt x="794270" y="976452"/>
                  </a:lnTo>
                  <a:lnTo>
                    <a:pt x="821804" y="951052"/>
                  </a:lnTo>
                  <a:lnTo>
                    <a:pt x="851077" y="912952"/>
                  </a:lnTo>
                  <a:lnTo>
                    <a:pt x="882027" y="874852"/>
                  </a:lnTo>
                  <a:lnTo>
                    <a:pt x="914603" y="849452"/>
                  </a:lnTo>
                  <a:lnTo>
                    <a:pt x="948715" y="824052"/>
                  </a:lnTo>
                  <a:lnTo>
                    <a:pt x="984300" y="785952"/>
                  </a:lnTo>
                  <a:lnTo>
                    <a:pt x="1021308" y="760552"/>
                  </a:lnTo>
                  <a:lnTo>
                    <a:pt x="1059649" y="735152"/>
                  </a:lnTo>
                  <a:lnTo>
                    <a:pt x="1099273" y="722452"/>
                  </a:lnTo>
                  <a:lnTo>
                    <a:pt x="1140104" y="697052"/>
                  </a:lnTo>
                  <a:lnTo>
                    <a:pt x="1225105" y="671652"/>
                  </a:lnTo>
                  <a:lnTo>
                    <a:pt x="1269161" y="646252"/>
                  </a:lnTo>
                  <a:lnTo>
                    <a:pt x="1314145" y="646252"/>
                  </a:lnTo>
                  <a:lnTo>
                    <a:pt x="1406664" y="620852"/>
                  </a:lnTo>
                  <a:lnTo>
                    <a:pt x="1597596" y="620852"/>
                  </a:lnTo>
                  <a:lnTo>
                    <a:pt x="1690116" y="646252"/>
                  </a:lnTo>
                  <a:lnTo>
                    <a:pt x="1735099" y="646252"/>
                  </a:lnTo>
                  <a:lnTo>
                    <a:pt x="1779143" y="671652"/>
                  </a:lnTo>
                  <a:lnTo>
                    <a:pt x="1864156" y="697052"/>
                  </a:lnTo>
                  <a:lnTo>
                    <a:pt x="1904987" y="722452"/>
                  </a:lnTo>
                  <a:lnTo>
                    <a:pt x="1944611" y="735152"/>
                  </a:lnTo>
                  <a:lnTo>
                    <a:pt x="1990763" y="800100"/>
                  </a:lnTo>
                  <a:lnTo>
                    <a:pt x="2010625" y="850900"/>
                  </a:lnTo>
                  <a:lnTo>
                    <a:pt x="2028405" y="889000"/>
                  </a:lnTo>
                  <a:lnTo>
                    <a:pt x="2044039" y="927100"/>
                  </a:lnTo>
                  <a:lnTo>
                    <a:pt x="2057438" y="977900"/>
                  </a:lnTo>
                  <a:lnTo>
                    <a:pt x="2068563" y="1016000"/>
                  </a:lnTo>
                  <a:lnTo>
                    <a:pt x="2077326" y="1066800"/>
                  </a:lnTo>
                  <a:lnTo>
                    <a:pt x="2083676" y="1117600"/>
                  </a:lnTo>
                  <a:lnTo>
                    <a:pt x="2087537" y="1155700"/>
                  </a:lnTo>
                  <a:lnTo>
                    <a:pt x="2088832" y="1206500"/>
                  </a:lnTo>
                  <a:lnTo>
                    <a:pt x="2088832" y="374726"/>
                  </a:lnTo>
                  <a:lnTo>
                    <a:pt x="2083625" y="368300"/>
                  </a:lnTo>
                  <a:lnTo>
                    <a:pt x="2051519" y="330200"/>
                  </a:lnTo>
                  <a:lnTo>
                    <a:pt x="2018245" y="304800"/>
                  </a:lnTo>
                  <a:lnTo>
                    <a:pt x="1983828" y="279400"/>
                  </a:lnTo>
                  <a:lnTo>
                    <a:pt x="1948319" y="241300"/>
                  </a:lnTo>
                  <a:lnTo>
                    <a:pt x="1911743" y="215900"/>
                  </a:lnTo>
                  <a:lnTo>
                    <a:pt x="1874139" y="190500"/>
                  </a:lnTo>
                  <a:lnTo>
                    <a:pt x="1835543" y="165100"/>
                  </a:lnTo>
                  <a:lnTo>
                    <a:pt x="1795983" y="152400"/>
                  </a:lnTo>
                  <a:lnTo>
                    <a:pt x="1755508" y="127000"/>
                  </a:lnTo>
                  <a:lnTo>
                    <a:pt x="1714157" y="101600"/>
                  </a:lnTo>
                  <a:lnTo>
                    <a:pt x="1628952" y="76200"/>
                  </a:lnTo>
                  <a:lnTo>
                    <a:pt x="1585175" y="50800"/>
                  </a:lnTo>
                  <a:lnTo>
                    <a:pt x="1495437" y="25400"/>
                  </a:lnTo>
                  <a:lnTo>
                    <a:pt x="1449552" y="25400"/>
                  </a:lnTo>
                  <a:lnTo>
                    <a:pt x="1355953" y="0"/>
                  </a:lnTo>
                  <a:lnTo>
                    <a:pt x="1168184" y="0"/>
                  </a:lnTo>
                  <a:lnTo>
                    <a:pt x="1168184" y="330200"/>
                  </a:lnTo>
                  <a:lnTo>
                    <a:pt x="1128445" y="341452"/>
                  </a:lnTo>
                  <a:lnTo>
                    <a:pt x="1084656" y="366852"/>
                  </a:lnTo>
                  <a:lnTo>
                    <a:pt x="999451" y="392252"/>
                  </a:lnTo>
                  <a:lnTo>
                    <a:pt x="958100" y="417652"/>
                  </a:lnTo>
                  <a:lnTo>
                    <a:pt x="917625" y="443052"/>
                  </a:lnTo>
                  <a:lnTo>
                    <a:pt x="878078" y="455752"/>
                  </a:lnTo>
                  <a:lnTo>
                    <a:pt x="839470" y="481152"/>
                  </a:lnTo>
                  <a:lnTo>
                    <a:pt x="801865" y="506552"/>
                  </a:lnTo>
                  <a:lnTo>
                    <a:pt x="765289" y="531952"/>
                  </a:lnTo>
                  <a:lnTo>
                    <a:pt x="729780" y="570052"/>
                  </a:lnTo>
                  <a:lnTo>
                    <a:pt x="695363" y="595452"/>
                  </a:lnTo>
                  <a:lnTo>
                    <a:pt x="662089" y="620852"/>
                  </a:lnTo>
                  <a:lnTo>
                    <a:pt x="629983" y="658952"/>
                  </a:lnTo>
                  <a:lnTo>
                    <a:pt x="599097" y="697052"/>
                  </a:lnTo>
                  <a:lnTo>
                    <a:pt x="569455" y="722452"/>
                  </a:lnTo>
                  <a:lnTo>
                    <a:pt x="541096" y="760552"/>
                  </a:lnTo>
                  <a:lnTo>
                    <a:pt x="514045" y="798652"/>
                  </a:lnTo>
                  <a:lnTo>
                    <a:pt x="488365" y="836752"/>
                  </a:lnTo>
                  <a:lnTo>
                    <a:pt x="464070" y="874852"/>
                  </a:lnTo>
                  <a:lnTo>
                    <a:pt x="441210" y="912952"/>
                  </a:lnTo>
                  <a:lnTo>
                    <a:pt x="419811" y="951052"/>
                  </a:lnTo>
                  <a:lnTo>
                    <a:pt x="399923" y="1001852"/>
                  </a:lnTo>
                  <a:lnTo>
                    <a:pt x="381558" y="1039952"/>
                  </a:lnTo>
                  <a:lnTo>
                    <a:pt x="364782" y="1078052"/>
                  </a:lnTo>
                  <a:lnTo>
                    <a:pt x="349605" y="1128852"/>
                  </a:lnTo>
                  <a:lnTo>
                    <a:pt x="336092" y="1166952"/>
                  </a:lnTo>
                  <a:lnTo>
                    <a:pt x="335013" y="1171587"/>
                  </a:lnTo>
                  <a:lnTo>
                    <a:pt x="335419" y="1155700"/>
                  </a:lnTo>
                  <a:lnTo>
                    <a:pt x="339280" y="1117600"/>
                  </a:lnTo>
                  <a:lnTo>
                    <a:pt x="345630" y="1066800"/>
                  </a:lnTo>
                  <a:lnTo>
                    <a:pt x="354393" y="1016000"/>
                  </a:lnTo>
                  <a:lnTo>
                    <a:pt x="365518" y="977900"/>
                  </a:lnTo>
                  <a:lnTo>
                    <a:pt x="378929" y="927100"/>
                  </a:lnTo>
                  <a:lnTo>
                    <a:pt x="394550" y="889000"/>
                  </a:lnTo>
                  <a:lnTo>
                    <a:pt x="412330" y="850900"/>
                  </a:lnTo>
                  <a:lnTo>
                    <a:pt x="432193" y="800100"/>
                  </a:lnTo>
                  <a:lnTo>
                    <a:pt x="454075" y="762000"/>
                  </a:lnTo>
                  <a:lnTo>
                    <a:pt x="477913" y="723900"/>
                  </a:lnTo>
                  <a:lnTo>
                    <a:pt x="503618" y="685800"/>
                  </a:lnTo>
                  <a:lnTo>
                    <a:pt x="531152" y="660400"/>
                  </a:lnTo>
                  <a:lnTo>
                    <a:pt x="560425" y="622300"/>
                  </a:lnTo>
                  <a:lnTo>
                    <a:pt x="591388" y="584200"/>
                  </a:lnTo>
                  <a:lnTo>
                    <a:pt x="623951" y="558800"/>
                  </a:lnTo>
                  <a:lnTo>
                    <a:pt x="658063" y="533400"/>
                  </a:lnTo>
                  <a:lnTo>
                    <a:pt x="693648" y="495300"/>
                  </a:lnTo>
                  <a:lnTo>
                    <a:pt x="730656" y="469900"/>
                  </a:lnTo>
                  <a:lnTo>
                    <a:pt x="768997" y="444500"/>
                  </a:lnTo>
                  <a:lnTo>
                    <a:pt x="808621" y="431800"/>
                  </a:lnTo>
                  <a:lnTo>
                    <a:pt x="849452" y="406400"/>
                  </a:lnTo>
                  <a:lnTo>
                    <a:pt x="934466" y="381000"/>
                  </a:lnTo>
                  <a:lnTo>
                    <a:pt x="978509" y="355600"/>
                  </a:lnTo>
                  <a:lnTo>
                    <a:pt x="1023493" y="355600"/>
                  </a:lnTo>
                  <a:lnTo>
                    <a:pt x="1116012" y="330200"/>
                  </a:lnTo>
                  <a:lnTo>
                    <a:pt x="1168184" y="330200"/>
                  </a:lnTo>
                  <a:lnTo>
                    <a:pt x="1168184" y="0"/>
                  </a:lnTo>
                  <a:lnTo>
                    <a:pt x="1067003" y="0"/>
                  </a:lnTo>
                  <a:lnTo>
                    <a:pt x="973404" y="25400"/>
                  </a:lnTo>
                  <a:lnTo>
                    <a:pt x="927519" y="25400"/>
                  </a:lnTo>
                  <a:lnTo>
                    <a:pt x="837780" y="50800"/>
                  </a:lnTo>
                  <a:lnTo>
                    <a:pt x="794004" y="76200"/>
                  </a:lnTo>
                  <a:lnTo>
                    <a:pt x="708799" y="101600"/>
                  </a:lnTo>
                  <a:lnTo>
                    <a:pt x="667448" y="127000"/>
                  </a:lnTo>
                  <a:lnTo>
                    <a:pt x="626973" y="152400"/>
                  </a:lnTo>
                  <a:lnTo>
                    <a:pt x="587413" y="165100"/>
                  </a:lnTo>
                  <a:lnTo>
                    <a:pt x="548817" y="190500"/>
                  </a:lnTo>
                  <a:lnTo>
                    <a:pt x="511213" y="215900"/>
                  </a:lnTo>
                  <a:lnTo>
                    <a:pt x="474637" y="241300"/>
                  </a:lnTo>
                  <a:lnTo>
                    <a:pt x="439127" y="279400"/>
                  </a:lnTo>
                  <a:lnTo>
                    <a:pt x="404710" y="304800"/>
                  </a:lnTo>
                  <a:lnTo>
                    <a:pt x="371436" y="330200"/>
                  </a:lnTo>
                  <a:lnTo>
                    <a:pt x="339331" y="368300"/>
                  </a:lnTo>
                  <a:lnTo>
                    <a:pt x="308444" y="406400"/>
                  </a:lnTo>
                  <a:lnTo>
                    <a:pt x="278803" y="431800"/>
                  </a:lnTo>
                  <a:lnTo>
                    <a:pt x="250431" y="469900"/>
                  </a:lnTo>
                  <a:lnTo>
                    <a:pt x="223393" y="508000"/>
                  </a:lnTo>
                  <a:lnTo>
                    <a:pt x="197713" y="546100"/>
                  </a:lnTo>
                  <a:lnTo>
                    <a:pt x="173418" y="584200"/>
                  </a:lnTo>
                  <a:lnTo>
                    <a:pt x="150558" y="622300"/>
                  </a:lnTo>
                  <a:lnTo>
                    <a:pt x="129159" y="660400"/>
                  </a:lnTo>
                  <a:lnTo>
                    <a:pt x="109270" y="711200"/>
                  </a:lnTo>
                  <a:lnTo>
                    <a:pt x="90906" y="749300"/>
                  </a:lnTo>
                  <a:lnTo>
                    <a:pt x="74129" y="787400"/>
                  </a:lnTo>
                  <a:lnTo>
                    <a:pt x="58966" y="838200"/>
                  </a:lnTo>
                  <a:lnTo>
                    <a:pt x="45440" y="876300"/>
                  </a:lnTo>
                  <a:lnTo>
                    <a:pt x="33604" y="927100"/>
                  </a:lnTo>
                  <a:lnTo>
                    <a:pt x="23482" y="965200"/>
                  </a:lnTo>
                  <a:lnTo>
                    <a:pt x="15125" y="1016000"/>
                  </a:lnTo>
                  <a:lnTo>
                    <a:pt x="8559" y="1066800"/>
                  </a:lnTo>
                  <a:lnTo>
                    <a:pt x="3835" y="1104900"/>
                  </a:lnTo>
                  <a:lnTo>
                    <a:pt x="965" y="1155700"/>
                  </a:lnTo>
                  <a:lnTo>
                    <a:pt x="0" y="1206500"/>
                  </a:lnTo>
                  <a:lnTo>
                    <a:pt x="965" y="1257300"/>
                  </a:lnTo>
                  <a:lnTo>
                    <a:pt x="3835" y="1308100"/>
                  </a:lnTo>
                  <a:lnTo>
                    <a:pt x="8559" y="1346200"/>
                  </a:lnTo>
                  <a:lnTo>
                    <a:pt x="15125" y="1397000"/>
                  </a:lnTo>
                  <a:lnTo>
                    <a:pt x="23482" y="1447800"/>
                  </a:lnTo>
                  <a:lnTo>
                    <a:pt x="33604" y="1485900"/>
                  </a:lnTo>
                  <a:lnTo>
                    <a:pt x="45440" y="1536700"/>
                  </a:lnTo>
                  <a:lnTo>
                    <a:pt x="58966" y="1587500"/>
                  </a:lnTo>
                  <a:lnTo>
                    <a:pt x="74129" y="1625600"/>
                  </a:lnTo>
                  <a:lnTo>
                    <a:pt x="90906" y="1663700"/>
                  </a:lnTo>
                  <a:lnTo>
                    <a:pt x="109270" y="1714500"/>
                  </a:lnTo>
                  <a:lnTo>
                    <a:pt x="129159" y="1752600"/>
                  </a:lnTo>
                  <a:lnTo>
                    <a:pt x="150558" y="1790700"/>
                  </a:lnTo>
                  <a:lnTo>
                    <a:pt x="173418" y="1828800"/>
                  </a:lnTo>
                  <a:lnTo>
                    <a:pt x="197713" y="1866900"/>
                  </a:lnTo>
                  <a:lnTo>
                    <a:pt x="223393" y="1905000"/>
                  </a:lnTo>
                  <a:lnTo>
                    <a:pt x="250431" y="1943100"/>
                  </a:lnTo>
                  <a:lnTo>
                    <a:pt x="278803" y="1981200"/>
                  </a:lnTo>
                  <a:lnTo>
                    <a:pt x="308444" y="2019300"/>
                  </a:lnTo>
                  <a:lnTo>
                    <a:pt x="339331" y="2044700"/>
                  </a:lnTo>
                  <a:lnTo>
                    <a:pt x="371436" y="2082800"/>
                  </a:lnTo>
                  <a:lnTo>
                    <a:pt x="404710" y="2108200"/>
                  </a:lnTo>
                  <a:lnTo>
                    <a:pt x="439127" y="2146300"/>
                  </a:lnTo>
                  <a:lnTo>
                    <a:pt x="474637" y="2171700"/>
                  </a:lnTo>
                  <a:lnTo>
                    <a:pt x="511213" y="2197100"/>
                  </a:lnTo>
                  <a:lnTo>
                    <a:pt x="518629" y="2202116"/>
                  </a:lnTo>
                  <a:lnTo>
                    <a:pt x="541096" y="2233752"/>
                  </a:lnTo>
                  <a:lnTo>
                    <a:pt x="569455" y="2271852"/>
                  </a:lnTo>
                  <a:lnTo>
                    <a:pt x="599097" y="2309952"/>
                  </a:lnTo>
                  <a:lnTo>
                    <a:pt x="629983" y="2335352"/>
                  </a:lnTo>
                  <a:lnTo>
                    <a:pt x="662089" y="2373452"/>
                  </a:lnTo>
                  <a:lnTo>
                    <a:pt x="695363" y="2398852"/>
                  </a:lnTo>
                  <a:lnTo>
                    <a:pt x="729780" y="2436952"/>
                  </a:lnTo>
                  <a:lnTo>
                    <a:pt x="765289" y="2462352"/>
                  </a:lnTo>
                  <a:lnTo>
                    <a:pt x="801865" y="2487752"/>
                  </a:lnTo>
                  <a:lnTo>
                    <a:pt x="839470" y="2513152"/>
                  </a:lnTo>
                  <a:lnTo>
                    <a:pt x="878078" y="2538552"/>
                  </a:lnTo>
                  <a:lnTo>
                    <a:pt x="917625" y="2563952"/>
                  </a:lnTo>
                  <a:lnTo>
                    <a:pt x="958100" y="2576652"/>
                  </a:lnTo>
                  <a:lnTo>
                    <a:pt x="999451" y="2602052"/>
                  </a:lnTo>
                  <a:lnTo>
                    <a:pt x="1041654" y="2614752"/>
                  </a:lnTo>
                  <a:lnTo>
                    <a:pt x="1084656" y="2640152"/>
                  </a:lnTo>
                  <a:lnTo>
                    <a:pt x="1264056" y="2690952"/>
                  </a:lnTo>
                  <a:lnTo>
                    <a:pt x="1310563" y="2690952"/>
                  </a:lnTo>
                  <a:lnTo>
                    <a:pt x="1357655" y="2703652"/>
                  </a:lnTo>
                  <a:lnTo>
                    <a:pt x="1646605" y="2703652"/>
                  </a:lnTo>
                  <a:lnTo>
                    <a:pt x="1693697" y="2690952"/>
                  </a:lnTo>
                  <a:lnTo>
                    <a:pt x="1740204" y="2690952"/>
                  </a:lnTo>
                  <a:lnTo>
                    <a:pt x="1919605" y="2640152"/>
                  </a:lnTo>
                  <a:lnTo>
                    <a:pt x="1962607" y="2614752"/>
                  </a:lnTo>
                  <a:lnTo>
                    <a:pt x="2004809" y="2602052"/>
                  </a:lnTo>
                  <a:lnTo>
                    <a:pt x="2046160" y="2576652"/>
                  </a:lnTo>
                  <a:lnTo>
                    <a:pt x="2086635" y="2563952"/>
                  </a:lnTo>
                  <a:lnTo>
                    <a:pt x="2126183" y="2538552"/>
                  </a:lnTo>
                  <a:lnTo>
                    <a:pt x="2164791" y="2513152"/>
                  </a:lnTo>
                  <a:lnTo>
                    <a:pt x="2202396" y="2487752"/>
                  </a:lnTo>
                  <a:lnTo>
                    <a:pt x="2238972" y="2462352"/>
                  </a:lnTo>
                  <a:lnTo>
                    <a:pt x="2274481" y="2436952"/>
                  </a:lnTo>
                  <a:lnTo>
                    <a:pt x="2308898" y="2398852"/>
                  </a:lnTo>
                  <a:lnTo>
                    <a:pt x="2342172" y="2373452"/>
                  </a:lnTo>
                  <a:lnTo>
                    <a:pt x="2374277" y="2335352"/>
                  </a:lnTo>
                  <a:lnTo>
                    <a:pt x="2405164" y="2309952"/>
                  </a:lnTo>
                  <a:lnTo>
                    <a:pt x="2434806" y="2271852"/>
                  </a:lnTo>
                  <a:lnTo>
                    <a:pt x="2463165" y="2233752"/>
                  </a:lnTo>
                  <a:lnTo>
                    <a:pt x="2490203" y="2195652"/>
                  </a:lnTo>
                  <a:lnTo>
                    <a:pt x="2515895" y="2157552"/>
                  </a:lnTo>
                  <a:lnTo>
                    <a:pt x="2540177" y="2119452"/>
                  </a:lnTo>
                  <a:lnTo>
                    <a:pt x="2563037" y="2081352"/>
                  </a:lnTo>
                  <a:lnTo>
                    <a:pt x="2584437" y="2043252"/>
                  </a:lnTo>
                  <a:lnTo>
                    <a:pt x="2604338" y="2005152"/>
                  </a:lnTo>
                  <a:lnTo>
                    <a:pt x="2622689" y="1954352"/>
                  </a:lnTo>
                  <a:lnTo>
                    <a:pt x="2639466" y="1916252"/>
                  </a:lnTo>
                  <a:lnTo>
                    <a:pt x="2654643" y="1878152"/>
                  </a:lnTo>
                  <a:lnTo>
                    <a:pt x="2668155" y="1827352"/>
                  </a:lnTo>
                  <a:lnTo>
                    <a:pt x="2679992" y="1776552"/>
                  </a:lnTo>
                  <a:lnTo>
                    <a:pt x="2690114" y="1738452"/>
                  </a:lnTo>
                  <a:lnTo>
                    <a:pt x="2698470" y="1687652"/>
                  </a:lnTo>
                  <a:lnTo>
                    <a:pt x="2705036" y="1636852"/>
                  </a:lnTo>
                  <a:lnTo>
                    <a:pt x="2709773" y="1598752"/>
                  </a:lnTo>
                  <a:lnTo>
                    <a:pt x="2712643" y="1547952"/>
                  </a:lnTo>
                  <a:lnTo>
                    <a:pt x="2713596" y="1497152"/>
                  </a:lnTo>
                  <a:close/>
                </a:path>
              </a:pathLst>
            </a:custGeom>
            <a:solidFill>
              <a:srgbClr val="9A1F2D"/>
            </a:solidFill>
          </p:spPr>
          <p:txBody>
            <a:bodyPr wrap="square" lIns="0" tIns="0" rIns="0" bIns="0" rtlCol="0"/>
            <a:lstStyle/>
            <a:p>
              <a:endParaRPr sz="700"/>
            </a:p>
          </p:txBody>
        </p:sp>
        <p:sp>
          <p:nvSpPr>
            <p:cNvPr id="12" name="object 10">
              <a:extLst>
                <a:ext uri="{FF2B5EF4-FFF2-40B4-BE49-F238E27FC236}">
                  <a16:creationId xmlns:a16="http://schemas.microsoft.com/office/drawing/2014/main" id="{ACC4F014-4C2F-E94B-BC6F-03C6F2250BCF}"/>
                </a:ext>
              </a:extLst>
            </p:cNvPr>
            <p:cNvSpPr/>
            <p:nvPr userDrawn="1"/>
          </p:nvSpPr>
          <p:spPr>
            <a:xfrm>
              <a:off x="11881028" y="3603224"/>
              <a:ext cx="2713990" cy="2703830"/>
            </a:xfrm>
            <a:custGeom>
              <a:avLst/>
              <a:gdLst/>
              <a:ahLst/>
              <a:cxnLst/>
              <a:rect l="l" t="t" r="r" b="b"/>
              <a:pathLst>
                <a:path w="2713990" h="2703829">
                  <a:moveTo>
                    <a:pt x="2713609" y="1497152"/>
                  </a:moveTo>
                  <a:lnTo>
                    <a:pt x="2712643" y="1446352"/>
                  </a:lnTo>
                  <a:lnTo>
                    <a:pt x="2709773" y="1395552"/>
                  </a:lnTo>
                  <a:lnTo>
                    <a:pt x="2705049" y="1357452"/>
                  </a:lnTo>
                  <a:lnTo>
                    <a:pt x="2698483" y="1306652"/>
                  </a:lnTo>
                  <a:lnTo>
                    <a:pt x="2690126" y="1255852"/>
                  </a:lnTo>
                  <a:lnTo>
                    <a:pt x="2680004" y="1217752"/>
                  </a:lnTo>
                  <a:lnTo>
                    <a:pt x="2668168" y="1166952"/>
                  </a:lnTo>
                  <a:lnTo>
                    <a:pt x="2654643" y="1128852"/>
                  </a:lnTo>
                  <a:lnTo>
                    <a:pt x="2639479" y="1078052"/>
                  </a:lnTo>
                  <a:lnTo>
                    <a:pt x="2622702" y="1039952"/>
                  </a:lnTo>
                  <a:lnTo>
                    <a:pt x="2604338" y="1001852"/>
                  </a:lnTo>
                  <a:lnTo>
                    <a:pt x="2584450" y="951052"/>
                  </a:lnTo>
                  <a:lnTo>
                    <a:pt x="2563050" y="912952"/>
                  </a:lnTo>
                  <a:lnTo>
                    <a:pt x="2540190" y="874852"/>
                  </a:lnTo>
                  <a:lnTo>
                    <a:pt x="2515895" y="836752"/>
                  </a:lnTo>
                  <a:lnTo>
                    <a:pt x="2490216" y="798652"/>
                  </a:lnTo>
                  <a:lnTo>
                    <a:pt x="2463177" y="760552"/>
                  </a:lnTo>
                  <a:lnTo>
                    <a:pt x="2434818" y="722452"/>
                  </a:lnTo>
                  <a:lnTo>
                    <a:pt x="2405164" y="697052"/>
                  </a:lnTo>
                  <a:lnTo>
                    <a:pt x="2378595" y="664286"/>
                  </a:lnTo>
                  <a:lnTo>
                    <a:pt x="2378595" y="1532064"/>
                  </a:lnTo>
                  <a:lnTo>
                    <a:pt x="2378189" y="1547952"/>
                  </a:lnTo>
                  <a:lnTo>
                    <a:pt x="2374341" y="1598752"/>
                  </a:lnTo>
                  <a:lnTo>
                    <a:pt x="2367991" y="1636852"/>
                  </a:lnTo>
                  <a:lnTo>
                    <a:pt x="2359228" y="1687652"/>
                  </a:lnTo>
                  <a:lnTo>
                    <a:pt x="2348103" y="1725752"/>
                  </a:lnTo>
                  <a:lnTo>
                    <a:pt x="2334691" y="1776552"/>
                  </a:lnTo>
                  <a:lnTo>
                    <a:pt x="2319070" y="1814652"/>
                  </a:lnTo>
                  <a:lnTo>
                    <a:pt x="2301290" y="1865452"/>
                  </a:lnTo>
                  <a:lnTo>
                    <a:pt x="2281415" y="1903552"/>
                  </a:lnTo>
                  <a:lnTo>
                    <a:pt x="2259533" y="1941652"/>
                  </a:lnTo>
                  <a:lnTo>
                    <a:pt x="2235708" y="1979752"/>
                  </a:lnTo>
                  <a:lnTo>
                    <a:pt x="2209990" y="2017852"/>
                  </a:lnTo>
                  <a:lnTo>
                    <a:pt x="2182469" y="2055952"/>
                  </a:lnTo>
                  <a:lnTo>
                    <a:pt x="2153196" y="2081352"/>
                  </a:lnTo>
                  <a:lnTo>
                    <a:pt x="2122233" y="2119452"/>
                  </a:lnTo>
                  <a:lnTo>
                    <a:pt x="2089670" y="2144852"/>
                  </a:lnTo>
                  <a:lnTo>
                    <a:pt x="2055558" y="2182952"/>
                  </a:lnTo>
                  <a:lnTo>
                    <a:pt x="2019960" y="2208352"/>
                  </a:lnTo>
                  <a:lnTo>
                    <a:pt x="1982965" y="2233752"/>
                  </a:lnTo>
                  <a:lnTo>
                    <a:pt x="1944611" y="2259152"/>
                  </a:lnTo>
                  <a:lnTo>
                    <a:pt x="1905000" y="2271852"/>
                  </a:lnTo>
                  <a:lnTo>
                    <a:pt x="1864169" y="2297252"/>
                  </a:lnTo>
                  <a:lnTo>
                    <a:pt x="1822196" y="2309952"/>
                  </a:lnTo>
                  <a:lnTo>
                    <a:pt x="1779155" y="2335352"/>
                  </a:lnTo>
                  <a:lnTo>
                    <a:pt x="1690116" y="2360752"/>
                  </a:lnTo>
                  <a:lnTo>
                    <a:pt x="1644269" y="2360752"/>
                  </a:lnTo>
                  <a:lnTo>
                    <a:pt x="1597609" y="2373452"/>
                  </a:lnTo>
                  <a:lnTo>
                    <a:pt x="1544370" y="2373452"/>
                  </a:lnTo>
                  <a:lnTo>
                    <a:pt x="1628965" y="2349500"/>
                  </a:lnTo>
                  <a:lnTo>
                    <a:pt x="1671967" y="2324100"/>
                  </a:lnTo>
                  <a:lnTo>
                    <a:pt x="1714169" y="2311400"/>
                  </a:lnTo>
                  <a:lnTo>
                    <a:pt x="1755521" y="2286000"/>
                  </a:lnTo>
                  <a:lnTo>
                    <a:pt x="1795995" y="2273300"/>
                  </a:lnTo>
                  <a:lnTo>
                    <a:pt x="1835543" y="2247900"/>
                  </a:lnTo>
                  <a:lnTo>
                    <a:pt x="1874139" y="2222500"/>
                  </a:lnTo>
                  <a:lnTo>
                    <a:pt x="1911743" y="2197100"/>
                  </a:lnTo>
                  <a:lnTo>
                    <a:pt x="1948332" y="2171700"/>
                  </a:lnTo>
                  <a:lnTo>
                    <a:pt x="1983841" y="2146300"/>
                  </a:lnTo>
                  <a:lnTo>
                    <a:pt x="2018245" y="2108200"/>
                  </a:lnTo>
                  <a:lnTo>
                    <a:pt x="2051532" y="2082800"/>
                  </a:lnTo>
                  <a:lnTo>
                    <a:pt x="2083625" y="2044700"/>
                  </a:lnTo>
                  <a:lnTo>
                    <a:pt x="2114512" y="2019300"/>
                  </a:lnTo>
                  <a:lnTo>
                    <a:pt x="2144166" y="1981200"/>
                  </a:lnTo>
                  <a:lnTo>
                    <a:pt x="2172525" y="1943100"/>
                  </a:lnTo>
                  <a:lnTo>
                    <a:pt x="2199563" y="1905000"/>
                  </a:lnTo>
                  <a:lnTo>
                    <a:pt x="2225243" y="1866900"/>
                  </a:lnTo>
                  <a:lnTo>
                    <a:pt x="2249538" y="1828800"/>
                  </a:lnTo>
                  <a:lnTo>
                    <a:pt x="2272398" y="1790700"/>
                  </a:lnTo>
                  <a:lnTo>
                    <a:pt x="2293797" y="1752600"/>
                  </a:lnTo>
                  <a:lnTo>
                    <a:pt x="2313686" y="1714500"/>
                  </a:lnTo>
                  <a:lnTo>
                    <a:pt x="2332050" y="1663700"/>
                  </a:lnTo>
                  <a:lnTo>
                    <a:pt x="2348827" y="1625600"/>
                  </a:lnTo>
                  <a:lnTo>
                    <a:pt x="2363990" y="1587500"/>
                  </a:lnTo>
                  <a:lnTo>
                    <a:pt x="2377516" y="1536700"/>
                  </a:lnTo>
                  <a:lnTo>
                    <a:pt x="2378595" y="1532064"/>
                  </a:lnTo>
                  <a:lnTo>
                    <a:pt x="2378595" y="664286"/>
                  </a:lnTo>
                  <a:lnTo>
                    <a:pt x="2374277" y="658952"/>
                  </a:lnTo>
                  <a:lnTo>
                    <a:pt x="2342184" y="620852"/>
                  </a:lnTo>
                  <a:lnTo>
                    <a:pt x="2308898" y="595452"/>
                  </a:lnTo>
                  <a:lnTo>
                    <a:pt x="2274493" y="570052"/>
                  </a:lnTo>
                  <a:lnTo>
                    <a:pt x="2238972" y="531952"/>
                  </a:lnTo>
                  <a:lnTo>
                    <a:pt x="2202396" y="506552"/>
                  </a:lnTo>
                  <a:lnTo>
                    <a:pt x="2194979" y="501548"/>
                  </a:lnTo>
                  <a:lnTo>
                    <a:pt x="2172525" y="469900"/>
                  </a:lnTo>
                  <a:lnTo>
                    <a:pt x="2144166" y="431800"/>
                  </a:lnTo>
                  <a:lnTo>
                    <a:pt x="2114512" y="406400"/>
                  </a:lnTo>
                  <a:lnTo>
                    <a:pt x="2088845" y="374738"/>
                  </a:lnTo>
                  <a:lnTo>
                    <a:pt x="2088845" y="1206500"/>
                  </a:lnTo>
                  <a:lnTo>
                    <a:pt x="2087537" y="1257300"/>
                  </a:lnTo>
                  <a:lnTo>
                    <a:pt x="2083689" y="1308100"/>
                  </a:lnTo>
                  <a:lnTo>
                    <a:pt x="2077339" y="1346200"/>
                  </a:lnTo>
                  <a:lnTo>
                    <a:pt x="2068576" y="1397000"/>
                  </a:lnTo>
                  <a:lnTo>
                    <a:pt x="2057450" y="1435100"/>
                  </a:lnTo>
                  <a:lnTo>
                    <a:pt x="2044039" y="1485900"/>
                  </a:lnTo>
                  <a:lnTo>
                    <a:pt x="2028418" y="1524000"/>
                  </a:lnTo>
                  <a:lnTo>
                    <a:pt x="2010638" y="1574800"/>
                  </a:lnTo>
                  <a:lnTo>
                    <a:pt x="1990763" y="1612900"/>
                  </a:lnTo>
                  <a:lnTo>
                    <a:pt x="1968893" y="1651000"/>
                  </a:lnTo>
                  <a:lnTo>
                    <a:pt x="1945055" y="1689100"/>
                  </a:lnTo>
                  <a:lnTo>
                    <a:pt x="1919338" y="1727200"/>
                  </a:lnTo>
                  <a:lnTo>
                    <a:pt x="1891817" y="1765300"/>
                  </a:lnTo>
                  <a:lnTo>
                    <a:pt x="1862543" y="1790700"/>
                  </a:lnTo>
                  <a:lnTo>
                    <a:pt x="1831581" y="1828800"/>
                  </a:lnTo>
                  <a:lnTo>
                    <a:pt x="1799018" y="1854200"/>
                  </a:lnTo>
                  <a:lnTo>
                    <a:pt x="1764906" y="1892300"/>
                  </a:lnTo>
                  <a:lnTo>
                    <a:pt x="1729308" y="1917700"/>
                  </a:lnTo>
                  <a:lnTo>
                    <a:pt x="1692313" y="1943100"/>
                  </a:lnTo>
                  <a:lnTo>
                    <a:pt x="1653959" y="1968500"/>
                  </a:lnTo>
                  <a:lnTo>
                    <a:pt x="1614347" y="1981200"/>
                  </a:lnTo>
                  <a:lnTo>
                    <a:pt x="1573517" y="2006600"/>
                  </a:lnTo>
                  <a:lnTo>
                    <a:pt x="1531543" y="2019300"/>
                  </a:lnTo>
                  <a:lnTo>
                    <a:pt x="1488503" y="2044700"/>
                  </a:lnTo>
                  <a:lnTo>
                    <a:pt x="1399476" y="2070100"/>
                  </a:lnTo>
                  <a:lnTo>
                    <a:pt x="1353616" y="2070100"/>
                  </a:lnTo>
                  <a:lnTo>
                    <a:pt x="1306957" y="2082800"/>
                  </a:lnTo>
                  <a:lnTo>
                    <a:pt x="1116025" y="2082800"/>
                  </a:lnTo>
                  <a:lnTo>
                    <a:pt x="1069365" y="2070100"/>
                  </a:lnTo>
                  <a:lnTo>
                    <a:pt x="1023505" y="2070100"/>
                  </a:lnTo>
                  <a:lnTo>
                    <a:pt x="934466" y="2044700"/>
                  </a:lnTo>
                  <a:lnTo>
                    <a:pt x="891425" y="2019300"/>
                  </a:lnTo>
                  <a:lnTo>
                    <a:pt x="849452" y="2006600"/>
                  </a:lnTo>
                  <a:lnTo>
                    <a:pt x="808621" y="1981200"/>
                  </a:lnTo>
                  <a:lnTo>
                    <a:pt x="769010" y="1968500"/>
                  </a:lnTo>
                  <a:lnTo>
                    <a:pt x="722858" y="1903552"/>
                  </a:lnTo>
                  <a:lnTo>
                    <a:pt x="702995" y="1865452"/>
                  </a:lnTo>
                  <a:lnTo>
                    <a:pt x="685215" y="1814652"/>
                  </a:lnTo>
                  <a:lnTo>
                    <a:pt x="669582" y="1776552"/>
                  </a:lnTo>
                  <a:lnTo>
                    <a:pt x="656170" y="1725752"/>
                  </a:lnTo>
                  <a:lnTo>
                    <a:pt x="645058" y="1687652"/>
                  </a:lnTo>
                  <a:lnTo>
                    <a:pt x="636282" y="1636852"/>
                  </a:lnTo>
                  <a:lnTo>
                    <a:pt x="629945" y="1598752"/>
                  </a:lnTo>
                  <a:lnTo>
                    <a:pt x="626084" y="1547952"/>
                  </a:lnTo>
                  <a:lnTo>
                    <a:pt x="624789" y="1497152"/>
                  </a:lnTo>
                  <a:lnTo>
                    <a:pt x="626084" y="1446352"/>
                  </a:lnTo>
                  <a:lnTo>
                    <a:pt x="629945" y="1408252"/>
                  </a:lnTo>
                  <a:lnTo>
                    <a:pt x="636282" y="1357452"/>
                  </a:lnTo>
                  <a:lnTo>
                    <a:pt x="645058" y="1306652"/>
                  </a:lnTo>
                  <a:lnTo>
                    <a:pt x="656170" y="1268552"/>
                  </a:lnTo>
                  <a:lnTo>
                    <a:pt x="669582" y="1217752"/>
                  </a:lnTo>
                  <a:lnTo>
                    <a:pt x="685215" y="1179652"/>
                  </a:lnTo>
                  <a:lnTo>
                    <a:pt x="702995" y="1141552"/>
                  </a:lnTo>
                  <a:lnTo>
                    <a:pt x="722858" y="1090752"/>
                  </a:lnTo>
                  <a:lnTo>
                    <a:pt x="744740" y="1052652"/>
                  </a:lnTo>
                  <a:lnTo>
                    <a:pt x="768565" y="1014552"/>
                  </a:lnTo>
                  <a:lnTo>
                    <a:pt x="794283" y="976452"/>
                  </a:lnTo>
                  <a:lnTo>
                    <a:pt x="821804" y="951052"/>
                  </a:lnTo>
                  <a:lnTo>
                    <a:pt x="851090" y="912952"/>
                  </a:lnTo>
                  <a:lnTo>
                    <a:pt x="882040" y="874852"/>
                  </a:lnTo>
                  <a:lnTo>
                    <a:pt x="914603" y="849452"/>
                  </a:lnTo>
                  <a:lnTo>
                    <a:pt x="948728" y="824052"/>
                  </a:lnTo>
                  <a:lnTo>
                    <a:pt x="984313" y="785952"/>
                  </a:lnTo>
                  <a:lnTo>
                    <a:pt x="1021321" y="760552"/>
                  </a:lnTo>
                  <a:lnTo>
                    <a:pt x="1059662" y="735152"/>
                  </a:lnTo>
                  <a:lnTo>
                    <a:pt x="1099273" y="722452"/>
                  </a:lnTo>
                  <a:lnTo>
                    <a:pt x="1140104" y="697052"/>
                  </a:lnTo>
                  <a:lnTo>
                    <a:pt x="1225118" y="671652"/>
                  </a:lnTo>
                  <a:lnTo>
                    <a:pt x="1269161" y="646252"/>
                  </a:lnTo>
                  <a:lnTo>
                    <a:pt x="1314157" y="646252"/>
                  </a:lnTo>
                  <a:lnTo>
                    <a:pt x="1406677" y="620852"/>
                  </a:lnTo>
                  <a:lnTo>
                    <a:pt x="1597609" y="620852"/>
                  </a:lnTo>
                  <a:lnTo>
                    <a:pt x="1690116" y="646252"/>
                  </a:lnTo>
                  <a:lnTo>
                    <a:pt x="1735112" y="646252"/>
                  </a:lnTo>
                  <a:lnTo>
                    <a:pt x="1779155" y="671652"/>
                  </a:lnTo>
                  <a:lnTo>
                    <a:pt x="1864169" y="697052"/>
                  </a:lnTo>
                  <a:lnTo>
                    <a:pt x="1905000" y="722452"/>
                  </a:lnTo>
                  <a:lnTo>
                    <a:pt x="1944611" y="735152"/>
                  </a:lnTo>
                  <a:lnTo>
                    <a:pt x="1990763" y="800100"/>
                  </a:lnTo>
                  <a:lnTo>
                    <a:pt x="2010638" y="850900"/>
                  </a:lnTo>
                  <a:lnTo>
                    <a:pt x="2028418" y="889000"/>
                  </a:lnTo>
                  <a:lnTo>
                    <a:pt x="2044039" y="927100"/>
                  </a:lnTo>
                  <a:lnTo>
                    <a:pt x="2057450" y="977900"/>
                  </a:lnTo>
                  <a:lnTo>
                    <a:pt x="2068576" y="1016000"/>
                  </a:lnTo>
                  <a:lnTo>
                    <a:pt x="2077339" y="1066800"/>
                  </a:lnTo>
                  <a:lnTo>
                    <a:pt x="2083689" y="1117600"/>
                  </a:lnTo>
                  <a:lnTo>
                    <a:pt x="2087537" y="1155700"/>
                  </a:lnTo>
                  <a:lnTo>
                    <a:pt x="2088845" y="1206500"/>
                  </a:lnTo>
                  <a:lnTo>
                    <a:pt x="2088845" y="374738"/>
                  </a:lnTo>
                  <a:lnTo>
                    <a:pt x="2083625" y="368300"/>
                  </a:lnTo>
                  <a:lnTo>
                    <a:pt x="2051532" y="330200"/>
                  </a:lnTo>
                  <a:lnTo>
                    <a:pt x="2018245" y="304800"/>
                  </a:lnTo>
                  <a:lnTo>
                    <a:pt x="1983841" y="279400"/>
                  </a:lnTo>
                  <a:lnTo>
                    <a:pt x="1948332" y="241300"/>
                  </a:lnTo>
                  <a:lnTo>
                    <a:pt x="1911743" y="215900"/>
                  </a:lnTo>
                  <a:lnTo>
                    <a:pt x="1874139" y="190500"/>
                  </a:lnTo>
                  <a:lnTo>
                    <a:pt x="1835543" y="165100"/>
                  </a:lnTo>
                  <a:lnTo>
                    <a:pt x="1795995" y="152400"/>
                  </a:lnTo>
                  <a:lnTo>
                    <a:pt x="1755521" y="127000"/>
                  </a:lnTo>
                  <a:lnTo>
                    <a:pt x="1714169" y="101600"/>
                  </a:lnTo>
                  <a:lnTo>
                    <a:pt x="1628965" y="76200"/>
                  </a:lnTo>
                  <a:lnTo>
                    <a:pt x="1585175" y="50800"/>
                  </a:lnTo>
                  <a:lnTo>
                    <a:pt x="1495450" y="25400"/>
                  </a:lnTo>
                  <a:lnTo>
                    <a:pt x="1449565" y="25400"/>
                  </a:lnTo>
                  <a:lnTo>
                    <a:pt x="1355953" y="0"/>
                  </a:lnTo>
                  <a:lnTo>
                    <a:pt x="1168196" y="0"/>
                  </a:lnTo>
                  <a:lnTo>
                    <a:pt x="1168196" y="330200"/>
                  </a:lnTo>
                  <a:lnTo>
                    <a:pt x="1128445" y="341452"/>
                  </a:lnTo>
                  <a:lnTo>
                    <a:pt x="1084668" y="366852"/>
                  </a:lnTo>
                  <a:lnTo>
                    <a:pt x="999451" y="392252"/>
                  </a:lnTo>
                  <a:lnTo>
                    <a:pt x="958100" y="417652"/>
                  </a:lnTo>
                  <a:lnTo>
                    <a:pt x="917625" y="443052"/>
                  </a:lnTo>
                  <a:lnTo>
                    <a:pt x="878078" y="455752"/>
                  </a:lnTo>
                  <a:lnTo>
                    <a:pt x="839482" y="481152"/>
                  </a:lnTo>
                  <a:lnTo>
                    <a:pt x="801878" y="506552"/>
                  </a:lnTo>
                  <a:lnTo>
                    <a:pt x="765289" y="531952"/>
                  </a:lnTo>
                  <a:lnTo>
                    <a:pt x="729780" y="570052"/>
                  </a:lnTo>
                  <a:lnTo>
                    <a:pt x="695363" y="595452"/>
                  </a:lnTo>
                  <a:lnTo>
                    <a:pt x="662089" y="620852"/>
                  </a:lnTo>
                  <a:lnTo>
                    <a:pt x="629996" y="658952"/>
                  </a:lnTo>
                  <a:lnTo>
                    <a:pt x="599097" y="697052"/>
                  </a:lnTo>
                  <a:lnTo>
                    <a:pt x="569455" y="722452"/>
                  </a:lnTo>
                  <a:lnTo>
                    <a:pt x="541096" y="760552"/>
                  </a:lnTo>
                  <a:lnTo>
                    <a:pt x="514057" y="798652"/>
                  </a:lnTo>
                  <a:lnTo>
                    <a:pt x="488365" y="836752"/>
                  </a:lnTo>
                  <a:lnTo>
                    <a:pt x="464083" y="874852"/>
                  </a:lnTo>
                  <a:lnTo>
                    <a:pt x="441210" y="912952"/>
                  </a:lnTo>
                  <a:lnTo>
                    <a:pt x="419823" y="951052"/>
                  </a:lnTo>
                  <a:lnTo>
                    <a:pt x="399923" y="1001852"/>
                  </a:lnTo>
                  <a:lnTo>
                    <a:pt x="381571" y="1039952"/>
                  </a:lnTo>
                  <a:lnTo>
                    <a:pt x="364782" y="1078052"/>
                  </a:lnTo>
                  <a:lnTo>
                    <a:pt x="349618" y="1128852"/>
                  </a:lnTo>
                  <a:lnTo>
                    <a:pt x="336092" y="1166952"/>
                  </a:lnTo>
                  <a:lnTo>
                    <a:pt x="335026" y="1171524"/>
                  </a:lnTo>
                  <a:lnTo>
                    <a:pt x="335432" y="1155700"/>
                  </a:lnTo>
                  <a:lnTo>
                    <a:pt x="339293" y="1117600"/>
                  </a:lnTo>
                  <a:lnTo>
                    <a:pt x="345630" y="1066800"/>
                  </a:lnTo>
                  <a:lnTo>
                    <a:pt x="354406" y="1016000"/>
                  </a:lnTo>
                  <a:lnTo>
                    <a:pt x="365518" y="977900"/>
                  </a:lnTo>
                  <a:lnTo>
                    <a:pt x="378929" y="927100"/>
                  </a:lnTo>
                  <a:lnTo>
                    <a:pt x="394563" y="889000"/>
                  </a:lnTo>
                  <a:lnTo>
                    <a:pt x="412343" y="850900"/>
                  </a:lnTo>
                  <a:lnTo>
                    <a:pt x="432206" y="800100"/>
                  </a:lnTo>
                  <a:lnTo>
                    <a:pt x="454088" y="762000"/>
                  </a:lnTo>
                  <a:lnTo>
                    <a:pt x="477913" y="723900"/>
                  </a:lnTo>
                  <a:lnTo>
                    <a:pt x="503631" y="685800"/>
                  </a:lnTo>
                  <a:lnTo>
                    <a:pt x="531152" y="660400"/>
                  </a:lnTo>
                  <a:lnTo>
                    <a:pt x="560438" y="622300"/>
                  </a:lnTo>
                  <a:lnTo>
                    <a:pt x="591388" y="584200"/>
                  </a:lnTo>
                  <a:lnTo>
                    <a:pt x="623951" y="558800"/>
                  </a:lnTo>
                  <a:lnTo>
                    <a:pt x="658075" y="533400"/>
                  </a:lnTo>
                  <a:lnTo>
                    <a:pt x="693661" y="495300"/>
                  </a:lnTo>
                  <a:lnTo>
                    <a:pt x="730669" y="469900"/>
                  </a:lnTo>
                  <a:lnTo>
                    <a:pt x="769010" y="444500"/>
                  </a:lnTo>
                  <a:lnTo>
                    <a:pt x="808621" y="431800"/>
                  </a:lnTo>
                  <a:lnTo>
                    <a:pt x="849452" y="406400"/>
                  </a:lnTo>
                  <a:lnTo>
                    <a:pt x="934466" y="381000"/>
                  </a:lnTo>
                  <a:lnTo>
                    <a:pt x="978509" y="355600"/>
                  </a:lnTo>
                  <a:lnTo>
                    <a:pt x="1023505" y="355600"/>
                  </a:lnTo>
                  <a:lnTo>
                    <a:pt x="1116025" y="330200"/>
                  </a:lnTo>
                  <a:lnTo>
                    <a:pt x="1168196" y="330200"/>
                  </a:lnTo>
                  <a:lnTo>
                    <a:pt x="1168196" y="0"/>
                  </a:lnTo>
                  <a:lnTo>
                    <a:pt x="1067015" y="0"/>
                  </a:lnTo>
                  <a:lnTo>
                    <a:pt x="973404" y="25400"/>
                  </a:lnTo>
                  <a:lnTo>
                    <a:pt x="927531" y="25400"/>
                  </a:lnTo>
                  <a:lnTo>
                    <a:pt x="837793" y="50800"/>
                  </a:lnTo>
                  <a:lnTo>
                    <a:pt x="794016" y="76200"/>
                  </a:lnTo>
                  <a:lnTo>
                    <a:pt x="708799" y="101600"/>
                  </a:lnTo>
                  <a:lnTo>
                    <a:pt x="667448" y="127000"/>
                  </a:lnTo>
                  <a:lnTo>
                    <a:pt x="626973" y="152400"/>
                  </a:lnTo>
                  <a:lnTo>
                    <a:pt x="587425" y="165100"/>
                  </a:lnTo>
                  <a:lnTo>
                    <a:pt x="548830" y="190500"/>
                  </a:lnTo>
                  <a:lnTo>
                    <a:pt x="511225" y="215900"/>
                  </a:lnTo>
                  <a:lnTo>
                    <a:pt x="474637" y="241300"/>
                  </a:lnTo>
                  <a:lnTo>
                    <a:pt x="439127" y="279400"/>
                  </a:lnTo>
                  <a:lnTo>
                    <a:pt x="404710" y="304800"/>
                  </a:lnTo>
                  <a:lnTo>
                    <a:pt x="371436" y="330200"/>
                  </a:lnTo>
                  <a:lnTo>
                    <a:pt x="339344" y="368300"/>
                  </a:lnTo>
                  <a:lnTo>
                    <a:pt x="308444" y="406400"/>
                  </a:lnTo>
                  <a:lnTo>
                    <a:pt x="278803" y="431800"/>
                  </a:lnTo>
                  <a:lnTo>
                    <a:pt x="250444" y="469900"/>
                  </a:lnTo>
                  <a:lnTo>
                    <a:pt x="223405" y="508000"/>
                  </a:lnTo>
                  <a:lnTo>
                    <a:pt x="197713" y="546100"/>
                  </a:lnTo>
                  <a:lnTo>
                    <a:pt x="173431" y="584200"/>
                  </a:lnTo>
                  <a:lnTo>
                    <a:pt x="150558" y="622300"/>
                  </a:lnTo>
                  <a:lnTo>
                    <a:pt x="129171" y="660400"/>
                  </a:lnTo>
                  <a:lnTo>
                    <a:pt x="109270" y="711200"/>
                  </a:lnTo>
                  <a:lnTo>
                    <a:pt x="90919" y="749300"/>
                  </a:lnTo>
                  <a:lnTo>
                    <a:pt x="74129" y="787400"/>
                  </a:lnTo>
                  <a:lnTo>
                    <a:pt x="58966" y="838200"/>
                  </a:lnTo>
                  <a:lnTo>
                    <a:pt x="45440" y="876300"/>
                  </a:lnTo>
                  <a:lnTo>
                    <a:pt x="33604" y="927100"/>
                  </a:lnTo>
                  <a:lnTo>
                    <a:pt x="23495" y="965200"/>
                  </a:lnTo>
                  <a:lnTo>
                    <a:pt x="15138" y="1016000"/>
                  </a:lnTo>
                  <a:lnTo>
                    <a:pt x="8572" y="1066800"/>
                  </a:lnTo>
                  <a:lnTo>
                    <a:pt x="3835" y="1104900"/>
                  </a:lnTo>
                  <a:lnTo>
                    <a:pt x="965" y="1155700"/>
                  </a:lnTo>
                  <a:lnTo>
                    <a:pt x="0" y="1206500"/>
                  </a:lnTo>
                  <a:lnTo>
                    <a:pt x="965" y="1257300"/>
                  </a:lnTo>
                  <a:lnTo>
                    <a:pt x="3835" y="1308100"/>
                  </a:lnTo>
                  <a:lnTo>
                    <a:pt x="8572" y="1346200"/>
                  </a:lnTo>
                  <a:lnTo>
                    <a:pt x="15138" y="1397000"/>
                  </a:lnTo>
                  <a:lnTo>
                    <a:pt x="23495" y="1447800"/>
                  </a:lnTo>
                  <a:lnTo>
                    <a:pt x="33604" y="1485900"/>
                  </a:lnTo>
                  <a:lnTo>
                    <a:pt x="45440" y="1536700"/>
                  </a:lnTo>
                  <a:lnTo>
                    <a:pt x="58966" y="1587500"/>
                  </a:lnTo>
                  <a:lnTo>
                    <a:pt x="74129" y="1625600"/>
                  </a:lnTo>
                  <a:lnTo>
                    <a:pt x="90919" y="1663700"/>
                  </a:lnTo>
                  <a:lnTo>
                    <a:pt x="109270" y="1714500"/>
                  </a:lnTo>
                  <a:lnTo>
                    <a:pt x="129171" y="1752600"/>
                  </a:lnTo>
                  <a:lnTo>
                    <a:pt x="150558" y="1790700"/>
                  </a:lnTo>
                  <a:lnTo>
                    <a:pt x="173431" y="1828800"/>
                  </a:lnTo>
                  <a:lnTo>
                    <a:pt x="197713" y="1866900"/>
                  </a:lnTo>
                  <a:lnTo>
                    <a:pt x="223405" y="1905000"/>
                  </a:lnTo>
                  <a:lnTo>
                    <a:pt x="250444" y="1943100"/>
                  </a:lnTo>
                  <a:lnTo>
                    <a:pt x="278803" y="1981200"/>
                  </a:lnTo>
                  <a:lnTo>
                    <a:pt x="308444" y="2019300"/>
                  </a:lnTo>
                  <a:lnTo>
                    <a:pt x="339344" y="2044700"/>
                  </a:lnTo>
                  <a:lnTo>
                    <a:pt x="371436" y="2082800"/>
                  </a:lnTo>
                  <a:lnTo>
                    <a:pt x="404710" y="2108200"/>
                  </a:lnTo>
                  <a:lnTo>
                    <a:pt x="439127" y="2146300"/>
                  </a:lnTo>
                  <a:lnTo>
                    <a:pt x="474637" y="2171700"/>
                  </a:lnTo>
                  <a:lnTo>
                    <a:pt x="511225" y="2197100"/>
                  </a:lnTo>
                  <a:lnTo>
                    <a:pt x="518629" y="2202116"/>
                  </a:lnTo>
                  <a:lnTo>
                    <a:pt x="541096" y="2233752"/>
                  </a:lnTo>
                  <a:lnTo>
                    <a:pt x="569455" y="2271852"/>
                  </a:lnTo>
                  <a:lnTo>
                    <a:pt x="599097" y="2309952"/>
                  </a:lnTo>
                  <a:lnTo>
                    <a:pt x="629996" y="2335352"/>
                  </a:lnTo>
                  <a:lnTo>
                    <a:pt x="662089" y="2373452"/>
                  </a:lnTo>
                  <a:lnTo>
                    <a:pt x="695363" y="2398852"/>
                  </a:lnTo>
                  <a:lnTo>
                    <a:pt x="729780" y="2436952"/>
                  </a:lnTo>
                  <a:lnTo>
                    <a:pt x="765289" y="2462352"/>
                  </a:lnTo>
                  <a:lnTo>
                    <a:pt x="801878" y="2487752"/>
                  </a:lnTo>
                  <a:lnTo>
                    <a:pt x="839482" y="2513152"/>
                  </a:lnTo>
                  <a:lnTo>
                    <a:pt x="878078" y="2538552"/>
                  </a:lnTo>
                  <a:lnTo>
                    <a:pt x="917625" y="2563952"/>
                  </a:lnTo>
                  <a:lnTo>
                    <a:pt x="958100" y="2576652"/>
                  </a:lnTo>
                  <a:lnTo>
                    <a:pt x="999451" y="2602052"/>
                  </a:lnTo>
                  <a:lnTo>
                    <a:pt x="1041654" y="2614752"/>
                  </a:lnTo>
                  <a:lnTo>
                    <a:pt x="1084668" y="2640152"/>
                  </a:lnTo>
                  <a:lnTo>
                    <a:pt x="1264056" y="2690952"/>
                  </a:lnTo>
                  <a:lnTo>
                    <a:pt x="1310563" y="2690952"/>
                  </a:lnTo>
                  <a:lnTo>
                    <a:pt x="1357668" y="2703652"/>
                  </a:lnTo>
                  <a:lnTo>
                    <a:pt x="1646605" y="2703652"/>
                  </a:lnTo>
                  <a:lnTo>
                    <a:pt x="1693710" y="2690952"/>
                  </a:lnTo>
                  <a:lnTo>
                    <a:pt x="1740217" y="2690952"/>
                  </a:lnTo>
                  <a:lnTo>
                    <a:pt x="1919617" y="2640152"/>
                  </a:lnTo>
                  <a:lnTo>
                    <a:pt x="1962619" y="2614752"/>
                  </a:lnTo>
                  <a:lnTo>
                    <a:pt x="2004822" y="2602052"/>
                  </a:lnTo>
                  <a:lnTo>
                    <a:pt x="2046173" y="2576652"/>
                  </a:lnTo>
                  <a:lnTo>
                    <a:pt x="2086648" y="2563952"/>
                  </a:lnTo>
                  <a:lnTo>
                    <a:pt x="2126196" y="2538552"/>
                  </a:lnTo>
                  <a:lnTo>
                    <a:pt x="2164791" y="2513152"/>
                  </a:lnTo>
                  <a:lnTo>
                    <a:pt x="2202396" y="2487752"/>
                  </a:lnTo>
                  <a:lnTo>
                    <a:pt x="2238972" y="2462352"/>
                  </a:lnTo>
                  <a:lnTo>
                    <a:pt x="2274493" y="2436952"/>
                  </a:lnTo>
                  <a:lnTo>
                    <a:pt x="2308898" y="2398852"/>
                  </a:lnTo>
                  <a:lnTo>
                    <a:pt x="2342184" y="2373452"/>
                  </a:lnTo>
                  <a:lnTo>
                    <a:pt x="2374277" y="2335352"/>
                  </a:lnTo>
                  <a:lnTo>
                    <a:pt x="2405164" y="2309952"/>
                  </a:lnTo>
                  <a:lnTo>
                    <a:pt x="2434818" y="2271852"/>
                  </a:lnTo>
                  <a:lnTo>
                    <a:pt x="2463177" y="2233752"/>
                  </a:lnTo>
                  <a:lnTo>
                    <a:pt x="2490216" y="2195652"/>
                  </a:lnTo>
                  <a:lnTo>
                    <a:pt x="2515895" y="2157552"/>
                  </a:lnTo>
                  <a:lnTo>
                    <a:pt x="2540190" y="2119452"/>
                  </a:lnTo>
                  <a:lnTo>
                    <a:pt x="2563050" y="2081352"/>
                  </a:lnTo>
                  <a:lnTo>
                    <a:pt x="2584450" y="2043252"/>
                  </a:lnTo>
                  <a:lnTo>
                    <a:pt x="2604338" y="2005152"/>
                  </a:lnTo>
                  <a:lnTo>
                    <a:pt x="2622702" y="1954352"/>
                  </a:lnTo>
                  <a:lnTo>
                    <a:pt x="2639479" y="1916252"/>
                  </a:lnTo>
                  <a:lnTo>
                    <a:pt x="2654643" y="1878152"/>
                  </a:lnTo>
                  <a:lnTo>
                    <a:pt x="2668168" y="1827352"/>
                  </a:lnTo>
                  <a:lnTo>
                    <a:pt x="2680004" y="1776552"/>
                  </a:lnTo>
                  <a:lnTo>
                    <a:pt x="2690126" y="1738452"/>
                  </a:lnTo>
                  <a:lnTo>
                    <a:pt x="2698483" y="1687652"/>
                  </a:lnTo>
                  <a:lnTo>
                    <a:pt x="2705049" y="1636852"/>
                  </a:lnTo>
                  <a:lnTo>
                    <a:pt x="2709773" y="1598752"/>
                  </a:lnTo>
                  <a:lnTo>
                    <a:pt x="2712643" y="1547952"/>
                  </a:lnTo>
                  <a:lnTo>
                    <a:pt x="2713609" y="1497152"/>
                  </a:lnTo>
                  <a:close/>
                </a:path>
              </a:pathLst>
            </a:custGeom>
            <a:solidFill>
              <a:srgbClr val="9A1F2D"/>
            </a:solidFill>
          </p:spPr>
          <p:txBody>
            <a:bodyPr wrap="square" lIns="0" tIns="0" rIns="0" bIns="0" rtlCol="0"/>
            <a:lstStyle/>
            <a:p>
              <a:endParaRPr sz="700"/>
            </a:p>
          </p:txBody>
        </p:sp>
        <p:sp>
          <p:nvSpPr>
            <p:cNvPr id="13" name="object 11">
              <a:extLst>
                <a:ext uri="{FF2B5EF4-FFF2-40B4-BE49-F238E27FC236}">
                  <a16:creationId xmlns:a16="http://schemas.microsoft.com/office/drawing/2014/main" id="{F508D8E1-5213-2044-B326-9FE9D26F1AD3}"/>
                </a:ext>
              </a:extLst>
            </p:cNvPr>
            <p:cNvSpPr/>
            <p:nvPr userDrawn="1"/>
          </p:nvSpPr>
          <p:spPr>
            <a:xfrm>
              <a:off x="13614781" y="11658466"/>
              <a:ext cx="2616200" cy="1961514"/>
            </a:xfrm>
            <a:custGeom>
              <a:avLst/>
              <a:gdLst/>
              <a:ahLst/>
              <a:cxnLst/>
              <a:rect l="l" t="t" r="r" b="b"/>
              <a:pathLst>
                <a:path w="2616200" h="1961515">
                  <a:moveTo>
                    <a:pt x="2615869" y="1211478"/>
                  </a:moveTo>
                  <a:lnTo>
                    <a:pt x="2614904" y="1162824"/>
                  </a:lnTo>
                  <a:lnTo>
                    <a:pt x="2612047" y="1114666"/>
                  </a:lnTo>
                  <a:lnTo>
                    <a:pt x="2607310" y="1067003"/>
                  </a:lnTo>
                  <a:lnTo>
                    <a:pt x="2600744" y="1019911"/>
                  </a:lnTo>
                  <a:lnTo>
                    <a:pt x="2592387" y="973404"/>
                  </a:lnTo>
                  <a:lnTo>
                    <a:pt x="2582265" y="927519"/>
                  </a:lnTo>
                  <a:lnTo>
                    <a:pt x="2570429" y="882307"/>
                  </a:lnTo>
                  <a:lnTo>
                    <a:pt x="2556916" y="837780"/>
                  </a:lnTo>
                  <a:lnTo>
                    <a:pt x="2541740" y="794004"/>
                  </a:lnTo>
                  <a:lnTo>
                    <a:pt x="2524963" y="751001"/>
                  </a:lnTo>
                  <a:lnTo>
                    <a:pt x="2506611" y="708799"/>
                  </a:lnTo>
                  <a:lnTo>
                    <a:pt x="2486710" y="667448"/>
                  </a:lnTo>
                  <a:lnTo>
                    <a:pt x="2465311" y="626973"/>
                  </a:lnTo>
                  <a:lnTo>
                    <a:pt x="2442451" y="587413"/>
                  </a:lnTo>
                  <a:lnTo>
                    <a:pt x="2418169" y="548817"/>
                  </a:lnTo>
                  <a:lnTo>
                    <a:pt x="2392476" y="511213"/>
                  </a:lnTo>
                  <a:lnTo>
                    <a:pt x="2365438" y="474637"/>
                  </a:lnTo>
                  <a:lnTo>
                    <a:pt x="2337079" y="439127"/>
                  </a:lnTo>
                  <a:lnTo>
                    <a:pt x="2307437" y="404710"/>
                  </a:lnTo>
                  <a:lnTo>
                    <a:pt x="2276538" y="371436"/>
                  </a:lnTo>
                  <a:lnTo>
                    <a:pt x="2248522" y="343420"/>
                  </a:lnTo>
                  <a:lnTo>
                    <a:pt x="2248522" y="972477"/>
                  </a:lnTo>
                  <a:lnTo>
                    <a:pt x="2225256" y="935507"/>
                  </a:lnTo>
                  <a:lnTo>
                    <a:pt x="2199563" y="897902"/>
                  </a:lnTo>
                  <a:lnTo>
                    <a:pt x="2172525" y="861326"/>
                  </a:lnTo>
                  <a:lnTo>
                    <a:pt x="2144166" y="825804"/>
                  </a:lnTo>
                  <a:lnTo>
                    <a:pt x="2114524" y="791400"/>
                  </a:lnTo>
                  <a:lnTo>
                    <a:pt x="2083638" y="758126"/>
                  </a:lnTo>
                  <a:lnTo>
                    <a:pt x="2051469" y="725957"/>
                  </a:lnTo>
                  <a:lnTo>
                    <a:pt x="2045906" y="720801"/>
                  </a:lnTo>
                  <a:lnTo>
                    <a:pt x="2018258" y="695134"/>
                  </a:lnTo>
                  <a:lnTo>
                    <a:pt x="1983841" y="665480"/>
                  </a:lnTo>
                  <a:lnTo>
                    <a:pt x="1948332" y="637120"/>
                  </a:lnTo>
                  <a:lnTo>
                    <a:pt x="1911756" y="610082"/>
                  </a:lnTo>
                  <a:lnTo>
                    <a:pt x="1874151" y="584403"/>
                  </a:lnTo>
                  <a:lnTo>
                    <a:pt x="1835543" y="560108"/>
                  </a:lnTo>
                  <a:lnTo>
                    <a:pt x="1795995" y="537248"/>
                  </a:lnTo>
                  <a:lnTo>
                    <a:pt x="1755521" y="515848"/>
                  </a:lnTo>
                  <a:lnTo>
                    <a:pt x="1714169" y="495947"/>
                  </a:lnTo>
                  <a:lnTo>
                    <a:pt x="1671967" y="477596"/>
                  </a:lnTo>
                  <a:lnTo>
                    <a:pt x="1628965" y="460819"/>
                  </a:lnTo>
                  <a:lnTo>
                    <a:pt x="1585175" y="445643"/>
                  </a:lnTo>
                  <a:lnTo>
                    <a:pt x="1540662" y="432130"/>
                  </a:lnTo>
                  <a:lnTo>
                    <a:pt x="1495450" y="420293"/>
                  </a:lnTo>
                  <a:lnTo>
                    <a:pt x="1449565" y="410171"/>
                  </a:lnTo>
                  <a:lnTo>
                    <a:pt x="1403057" y="401815"/>
                  </a:lnTo>
                  <a:lnTo>
                    <a:pt x="1355953" y="395249"/>
                  </a:lnTo>
                  <a:lnTo>
                    <a:pt x="1308303" y="390512"/>
                  </a:lnTo>
                  <a:lnTo>
                    <a:pt x="1260132" y="387654"/>
                  </a:lnTo>
                  <a:lnTo>
                    <a:pt x="1211491" y="386689"/>
                  </a:lnTo>
                  <a:lnTo>
                    <a:pt x="1162837" y="387654"/>
                  </a:lnTo>
                  <a:lnTo>
                    <a:pt x="1114666" y="390512"/>
                  </a:lnTo>
                  <a:lnTo>
                    <a:pt x="1088174" y="393153"/>
                  </a:lnTo>
                  <a:lnTo>
                    <a:pt x="1127379" y="378917"/>
                  </a:lnTo>
                  <a:lnTo>
                    <a:pt x="1171435" y="365506"/>
                  </a:lnTo>
                  <a:lnTo>
                    <a:pt x="1216418" y="354380"/>
                  </a:lnTo>
                  <a:lnTo>
                    <a:pt x="1262278" y="345617"/>
                  </a:lnTo>
                  <a:lnTo>
                    <a:pt x="1308938" y="339267"/>
                  </a:lnTo>
                  <a:lnTo>
                    <a:pt x="1356334" y="335419"/>
                  </a:lnTo>
                  <a:lnTo>
                    <a:pt x="1404404" y="334111"/>
                  </a:lnTo>
                  <a:lnTo>
                    <a:pt x="1452473" y="335419"/>
                  </a:lnTo>
                  <a:lnTo>
                    <a:pt x="1499870" y="339267"/>
                  </a:lnTo>
                  <a:lnTo>
                    <a:pt x="1546529" y="345617"/>
                  </a:lnTo>
                  <a:lnTo>
                    <a:pt x="1592389" y="354380"/>
                  </a:lnTo>
                  <a:lnTo>
                    <a:pt x="1637372" y="365506"/>
                  </a:lnTo>
                  <a:lnTo>
                    <a:pt x="1681416" y="378917"/>
                  </a:lnTo>
                  <a:lnTo>
                    <a:pt x="1724469" y="394538"/>
                  </a:lnTo>
                  <a:lnTo>
                    <a:pt x="1766430" y="412318"/>
                  </a:lnTo>
                  <a:lnTo>
                    <a:pt x="1807260" y="432193"/>
                  </a:lnTo>
                  <a:lnTo>
                    <a:pt x="1846884" y="454063"/>
                  </a:lnTo>
                  <a:lnTo>
                    <a:pt x="1885226" y="477901"/>
                  </a:lnTo>
                  <a:lnTo>
                    <a:pt x="1922233" y="503618"/>
                  </a:lnTo>
                  <a:lnTo>
                    <a:pt x="1957819" y="531139"/>
                  </a:lnTo>
                  <a:lnTo>
                    <a:pt x="1991931" y="560412"/>
                  </a:lnTo>
                  <a:lnTo>
                    <a:pt x="2024507" y="591375"/>
                  </a:lnTo>
                  <a:lnTo>
                    <a:pt x="2055456" y="623938"/>
                  </a:lnTo>
                  <a:lnTo>
                    <a:pt x="2084730" y="658050"/>
                  </a:lnTo>
                  <a:lnTo>
                    <a:pt x="2112264" y="693648"/>
                  </a:lnTo>
                  <a:lnTo>
                    <a:pt x="2137968" y="730643"/>
                  </a:lnTo>
                  <a:lnTo>
                    <a:pt x="2161806" y="768997"/>
                  </a:lnTo>
                  <a:lnTo>
                    <a:pt x="2183688" y="808609"/>
                  </a:lnTo>
                  <a:lnTo>
                    <a:pt x="2203551" y="849439"/>
                  </a:lnTo>
                  <a:lnTo>
                    <a:pt x="2221331" y="891413"/>
                  </a:lnTo>
                  <a:lnTo>
                    <a:pt x="2236952" y="934453"/>
                  </a:lnTo>
                  <a:lnTo>
                    <a:pt x="2248522" y="972477"/>
                  </a:lnTo>
                  <a:lnTo>
                    <a:pt x="2248522" y="343420"/>
                  </a:lnTo>
                  <a:lnTo>
                    <a:pt x="2244382" y="339267"/>
                  </a:lnTo>
                  <a:lnTo>
                    <a:pt x="2238819" y="334111"/>
                  </a:lnTo>
                  <a:lnTo>
                    <a:pt x="2211171" y="308444"/>
                  </a:lnTo>
                  <a:lnTo>
                    <a:pt x="2176754" y="278803"/>
                  </a:lnTo>
                  <a:lnTo>
                    <a:pt x="2141245" y="250444"/>
                  </a:lnTo>
                  <a:lnTo>
                    <a:pt x="2104669" y="223393"/>
                  </a:lnTo>
                  <a:lnTo>
                    <a:pt x="2067064" y="197713"/>
                  </a:lnTo>
                  <a:lnTo>
                    <a:pt x="2028456" y="173418"/>
                  </a:lnTo>
                  <a:lnTo>
                    <a:pt x="1988908" y="150558"/>
                  </a:lnTo>
                  <a:lnTo>
                    <a:pt x="1948434" y="129159"/>
                  </a:lnTo>
                  <a:lnTo>
                    <a:pt x="1907082" y="109270"/>
                  </a:lnTo>
                  <a:lnTo>
                    <a:pt x="1864880" y="90906"/>
                  </a:lnTo>
                  <a:lnTo>
                    <a:pt x="1821878" y="74129"/>
                  </a:lnTo>
                  <a:lnTo>
                    <a:pt x="1778101" y="58966"/>
                  </a:lnTo>
                  <a:lnTo>
                    <a:pt x="1733575" y="45440"/>
                  </a:lnTo>
                  <a:lnTo>
                    <a:pt x="1688363" y="33604"/>
                  </a:lnTo>
                  <a:lnTo>
                    <a:pt x="1642478" y="23482"/>
                  </a:lnTo>
                  <a:lnTo>
                    <a:pt x="1595970" y="15125"/>
                  </a:lnTo>
                  <a:lnTo>
                    <a:pt x="1548879" y="8559"/>
                  </a:lnTo>
                  <a:lnTo>
                    <a:pt x="1501228" y="3835"/>
                  </a:lnTo>
                  <a:lnTo>
                    <a:pt x="1453057" y="965"/>
                  </a:lnTo>
                  <a:lnTo>
                    <a:pt x="1404404" y="0"/>
                  </a:lnTo>
                  <a:lnTo>
                    <a:pt x="1355750" y="965"/>
                  </a:lnTo>
                  <a:lnTo>
                    <a:pt x="1307579" y="3835"/>
                  </a:lnTo>
                  <a:lnTo>
                    <a:pt x="1259928" y="8559"/>
                  </a:lnTo>
                  <a:lnTo>
                    <a:pt x="1212837" y="15125"/>
                  </a:lnTo>
                  <a:lnTo>
                    <a:pt x="1166329" y="23482"/>
                  </a:lnTo>
                  <a:lnTo>
                    <a:pt x="1120444" y="33604"/>
                  </a:lnTo>
                  <a:lnTo>
                    <a:pt x="1075232" y="45440"/>
                  </a:lnTo>
                  <a:lnTo>
                    <a:pt x="1030706" y="58966"/>
                  </a:lnTo>
                  <a:lnTo>
                    <a:pt x="986929" y="74129"/>
                  </a:lnTo>
                  <a:lnTo>
                    <a:pt x="943914" y="90906"/>
                  </a:lnTo>
                  <a:lnTo>
                    <a:pt x="901725" y="109270"/>
                  </a:lnTo>
                  <a:lnTo>
                    <a:pt x="860361" y="129159"/>
                  </a:lnTo>
                  <a:lnTo>
                    <a:pt x="819899" y="150558"/>
                  </a:lnTo>
                  <a:lnTo>
                    <a:pt x="780338" y="173418"/>
                  </a:lnTo>
                  <a:lnTo>
                    <a:pt x="741743" y="197713"/>
                  </a:lnTo>
                  <a:lnTo>
                    <a:pt x="704138" y="223393"/>
                  </a:lnTo>
                  <a:lnTo>
                    <a:pt x="667562" y="250444"/>
                  </a:lnTo>
                  <a:lnTo>
                    <a:pt x="632040" y="278803"/>
                  </a:lnTo>
                  <a:lnTo>
                    <a:pt x="597636" y="308444"/>
                  </a:lnTo>
                  <a:lnTo>
                    <a:pt x="564362" y="339331"/>
                  </a:lnTo>
                  <a:lnTo>
                    <a:pt x="532257" y="371436"/>
                  </a:lnTo>
                  <a:lnTo>
                    <a:pt x="501370" y="404710"/>
                  </a:lnTo>
                  <a:lnTo>
                    <a:pt x="471716" y="439127"/>
                  </a:lnTo>
                  <a:lnTo>
                    <a:pt x="443357" y="474637"/>
                  </a:lnTo>
                  <a:lnTo>
                    <a:pt x="416318" y="511213"/>
                  </a:lnTo>
                  <a:lnTo>
                    <a:pt x="390639" y="548817"/>
                  </a:lnTo>
                  <a:lnTo>
                    <a:pt x="366344" y="587413"/>
                  </a:lnTo>
                  <a:lnTo>
                    <a:pt x="343484" y="626973"/>
                  </a:lnTo>
                  <a:lnTo>
                    <a:pt x="322084" y="667448"/>
                  </a:lnTo>
                  <a:lnTo>
                    <a:pt x="302196" y="708799"/>
                  </a:lnTo>
                  <a:lnTo>
                    <a:pt x="283832" y="751001"/>
                  </a:lnTo>
                  <a:lnTo>
                    <a:pt x="267055" y="794004"/>
                  </a:lnTo>
                  <a:lnTo>
                    <a:pt x="251879" y="837780"/>
                  </a:lnTo>
                  <a:lnTo>
                    <a:pt x="240753" y="874433"/>
                  </a:lnTo>
                  <a:lnTo>
                    <a:pt x="223405" y="897902"/>
                  </a:lnTo>
                  <a:lnTo>
                    <a:pt x="197713" y="935507"/>
                  </a:lnTo>
                  <a:lnTo>
                    <a:pt x="173431" y="974102"/>
                  </a:lnTo>
                  <a:lnTo>
                    <a:pt x="150571" y="1013663"/>
                  </a:lnTo>
                  <a:lnTo>
                    <a:pt x="129171" y="1054125"/>
                  </a:lnTo>
                  <a:lnTo>
                    <a:pt x="109270" y="1095489"/>
                  </a:lnTo>
                  <a:lnTo>
                    <a:pt x="90919" y="1137678"/>
                  </a:lnTo>
                  <a:lnTo>
                    <a:pt x="74142" y="1180693"/>
                  </a:lnTo>
                  <a:lnTo>
                    <a:pt x="58966" y="1224470"/>
                  </a:lnTo>
                  <a:lnTo>
                    <a:pt x="45440" y="1268996"/>
                  </a:lnTo>
                  <a:lnTo>
                    <a:pt x="33604" y="1314208"/>
                  </a:lnTo>
                  <a:lnTo>
                    <a:pt x="23495" y="1360093"/>
                  </a:lnTo>
                  <a:lnTo>
                    <a:pt x="15138" y="1406601"/>
                  </a:lnTo>
                  <a:lnTo>
                    <a:pt x="8572" y="1453692"/>
                  </a:lnTo>
                  <a:lnTo>
                    <a:pt x="3835" y="1501343"/>
                  </a:lnTo>
                  <a:lnTo>
                    <a:pt x="965" y="1549514"/>
                  </a:lnTo>
                  <a:lnTo>
                    <a:pt x="0" y="1598168"/>
                  </a:lnTo>
                  <a:lnTo>
                    <a:pt x="965" y="1646821"/>
                  </a:lnTo>
                  <a:lnTo>
                    <a:pt x="3835" y="1694980"/>
                  </a:lnTo>
                  <a:lnTo>
                    <a:pt x="8572" y="1742630"/>
                  </a:lnTo>
                  <a:lnTo>
                    <a:pt x="15138" y="1789734"/>
                  </a:lnTo>
                  <a:lnTo>
                    <a:pt x="23495" y="1836242"/>
                  </a:lnTo>
                  <a:lnTo>
                    <a:pt x="33604" y="1882127"/>
                  </a:lnTo>
                  <a:lnTo>
                    <a:pt x="45440" y="1927339"/>
                  </a:lnTo>
                  <a:lnTo>
                    <a:pt x="55816" y="1961489"/>
                  </a:lnTo>
                  <a:lnTo>
                    <a:pt x="412965" y="1961489"/>
                  </a:lnTo>
                  <a:lnTo>
                    <a:pt x="412343" y="1960194"/>
                  </a:lnTo>
                  <a:lnTo>
                    <a:pt x="394563" y="1918233"/>
                  </a:lnTo>
                  <a:lnTo>
                    <a:pt x="378929" y="1875180"/>
                  </a:lnTo>
                  <a:lnTo>
                    <a:pt x="367334" y="1837118"/>
                  </a:lnTo>
                  <a:lnTo>
                    <a:pt x="390639" y="1874126"/>
                  </a:lnTo>
                  <a:lnTo>
                    <a:pt x="416318" y="1911743"/>
                  </a:lnTo>
                  <a:lnTo>
                    <a:pt x="443357" y="1948319"/>
                  </a:lnTo>
                  <a:lnTo>
                    <a:pt x="453885" y="1961489"/>
                  </a:lnTo>
                  <a:lnTo>
                    <a:pt x="950036" y="1961489"/>
                  </a:lnTo>
                  <a:lnTo>
                    <a:pt x="923582" y="1945055"/>
                  </a:lnTo>
                  <a:lnTo>
                    <a:pt x="886574" y="1919338"/>
                  </a:lnTo>
                  <a:lnTo>
                    <a:pt x="850988" y="1891804"/>
                  </a:lnTo>
                  <a:lnTo>
                    <a:pt x="816876" y="1862531"/>
                  </a:lnTo>
                  <a:lnTo>
                    <a:pt x="784301" y="1831581"/>
                  </a:lnTo>
                  <a:lnTo>
                    <a:pt x="753351" y="1799005"/>
                  </a:lnTo>
                  <a:lnTo>
                    <a:pt x="724077" y="1764893"/>
                  </a:lnTo>
                  <a:lnTo>
                    <a:pt x="696544" y="1729308"/>
                  </a:lnTo>
                  <a:lnTo>
                    <a:pt x="670839" y="1692300"/>
                  </a:lnTo>
                  <a:lnTo>
                    <a:pt x="647001" y="1653959"/>
                  </a:lnTo>
                  <a:lnTo>
                    <a:pt x="625119" y="1614335"/>
                  </a:lnTo>
                  <a:lnTo>
                    <a:pt x="605256" y="1573504"/>
                  </a:lnTo>
                  <a:lnTo>
                    <a:pt x="587476" y="1531543"/>
                  </a:lnTo>
                  <a:lnTo>
                    <a:pt x="571855" y="1488503"/>
                  </a:lnTo>
                  <a:lnTo>
                    <a:pt x="558444" y="1444447"/>
                  </a:lnTo>
                  <a:lnTo>
                    <a:pt x="547319" y="1399463"/>
                  </a:lnTo>
                  <a:lnTo>
                    <a:pt x="538556" y="1353604"/>
                  </a:lnTo>
                  <a:lnTo>
                    <a:pt x="532206" y="1306944"/>
                  </a:lnTo>
                  <a:lnTo>
                    <a:pt x="528345" y="1259547"/>
                  </a:lnTo>
                  <a:lnTo>
                    <a:pt x="527050" y="1211478"/>
                  </a:lnTo>
                  <a:lnTo>
                    <a:pt x="528345" y="1163408"/>
                  </a:lnTo>
                  <a:lnTo>
                    <a:pt x="532206" y="1116012"/>
                  </a:lnTo>
                  <a:lnTo>
                    <a:pt x="538556" y="1069352"/>
                  </a:lnTo>
                  <a:lnTo>
                    <a:pt x="546722" y="1026604"/>
                  </a:lnTo>
                  <a:lnTo>
                    <a:pt x="591388" y="978065"/>
                  </a:lnTo>
                  <a:lnTo>
                    <a:pt x="623951" y="947102"/>
                  </a:lnTo>
                  <a:lnTo>
                    <a:pt x="658075" y="917829"/>
                  </a:lnTo>
                  <a:lnTo>
                    <a:pt x="693661" y="890295"/>
                  </a:lnTo>
                  <a:lnTo>
                    <a:pt x="730669" y="864590"/>
                  </a:lnTo>
                  <a:lnTo>
                    <a:pt x="769010" y="840752"/>
                  </a:lnTo>
                  <a:lnTo>
                    <a:pt x="808634" y="818870"/>
                  </a:lnTo>
                  <a:lnTo>
                    <a:pt x="849452" y="799007"/>
                  </a:lnTo>
                  <a:lnTo>
                    <a:pt x="891425" y="781227"/>
                  </a:lnTo>
                  <a:lnTo>
                    <a:pt x="934466" y="765606"/>
                  </a:lnTo>
                  <a:lnTo>
                    <a:pt x="978522" y="752195"/>
                  </a:lnTo>
                  <a:lnTo>
                    <a:pt x="1023505" y="741070"/>
                  </a:lnTo>
                  <a:lnTo>
                    <a:pt x="1069365" y="732307"/>
                  </a:lnTo>
                  <a:lnTo>
                    <a:pt x="1116025" y="725957"/>
                  </a:lnTo>
                  <a:lnTo>
                    <a:pt x="1163421" y="722096"/>
                  </a:lnTo>
                  <a:lnTo>
                    <a:pt x="1211491" y="720801"/>
                  </a:lnTo>
                  <a:lnTo>
                    <a:pt x="1259547" y="722096"/>
                  </a:lnTo>
                  <a:lnTo>
                    <a:pt x="1306957" y="725957"/>
                  </a:lnTo>
                  <a:lnTo>
                    <a:pt x="1353616" y="732307"/>
                  </a:lnTo>
                  <a:lnTo>
                    <a:pt x="1399476" y="741070"/>
                  </a:lnTo>
                  <a:lnTo>
                    <a:pt x="1444459" y="752195"/>
                  </a:lnTo>
                  <a:lnTo>
                    <a:pt x="1488503" y="765606"/>
                  </a:lnTo>
                  <a:lnTo>
                    <a:pt x="1531543" y="781227"/>
                  </a:lnTo>
                  <a:lnTo>
                    <a:pt x="1573517" y="799007"/>
                  </a:lnTo>
                  <a:lnTo>
                    <a:pt x="1614347" y="818870"/>
                  </a:lnTo>
                  <a:lnTo>
                    <a:pt x="1653971" y="840752"/>
                  </a:lnTo>
                  <a:lnTo>
                    <a:pt x="1692313" y="864590"/>
                  </a:lnTo>
                  <a:lnTo>
                    <a:pt x="1729308" y="890295"/>
                  </a:lnTo>
                  <a:lnTo>
                    <a:pt x="1764906" y="917829"/>
                  </a:lnTo>
                  <a:lnTo>
                    <a:pt x="1799018" y="947102"/>
                  </a:lnTo>
                  <a:lnTo>
                    <a:pt x="1831581" y="978065"/>
                  </a:lnTo>
                  <a:lnTo>
                    <a:pt x="1862543" y="1010627"/>
                  </a:lnTo>
                  <a:lnTo>
                    <a:pt x="1891817" y="1044740"/>
                  </a:lnTo>
                  <a:lnTo>
                    <a:pt x="1919338" y="1080338"/>
                  </a:lnTo>
                  <a:lnTo>
                    <a:pt x="1945055" y="1117333"/>
                  </a:lnTo>
                  <a:lnTo>
                    <a:pt x="1968893" y="1155674"/>
                  </a:lnTo>
                  <a:lnTo>
                    <a:pt x="1990763" y="1195298"/>
                  </a:lnTo>
                  <a:lnTo>
                    <a:pt x="2010638" y="1236129"/>
                  </a:lnTo>
                  <a:lnTo>
                    <a:pt x="2028418" y="1278102"/>
                  </a:lnTo>
                  <a:lnTo>
                    <a:pt x="2044039" y="1321142"/>
                  </a:lnTo>
                  <a:lnTo>
                    <a:pt x="2057450" y="1365186"/>
                  </a:lnTo>
                  <a:lnTo>
                    <a:pt x="2068576" y="1410182"/>
                  </a:lnTo>
                  <a:lnTo>
                    <a:pt x="2077339" y="1456042"/>
                  </a:lnTo>
                  <a:lnTo>
                    <a:pt x="2083689" y="1502702"/>
                  </a:lnTo>
                  <a:lnTo>
                    <a:pt x="2087537" y="1550098"/>
                  </a:lnTo>
                  <a:lnTo>
                    <a:pt x="2088845" y="1598168"/>
                  </a:lnTo>
                  <a:lnTo>
                    <a:pt x="2087537" y="1646237"/>
                  </a:lnTo>
                  <a:lnTo>
                    <a:pt x="2083689" y="1693633"/>
                  </a:lnTo>
                  <a:lnTo>
                    <a:pt x="2077339" y="1740293"/>
                  </a:lnTo>
                  <a:lnTo>
                    <a:pt x="2069172" y="1783029"/>
                  </a:lnTo>
                  <a:lnTo>
                    <a:pt x="2024507" y="1831581"/>
                  </a:lnTo>
                  <a:lnTo>
                    <a:pt x="1991931" y="1862531"/>
                  </a:lnTo>
                  <a:lnTo>
                    <a:pt x="1957819" y="1891804"/>
                  </a:lnTo>
                  <a:lnTo>
                    <a:pt x="1922233" y="1919338"/>
                  </a:lnTo>
                  <a:lnTo>
                    <a:pt x="1885226" y="1945055"/>
                  </a:lnTo>
                  <a:lnTo>
                    <a:pt x="1858759" y="1961489"/>
                  </a:lnTo>
                  <a:lnTo>
                    <a:pt x="2010003" y="1961489"/>
                  </a:lnTo>
                  <a:lnTo>
                    <a:pt x="2354910" y="1961489"/>
                  </a:lnTo>
                  <a:lnTo>
                    <a:pt x="2367153" y="1961489"/>
                  </a:lnTo>
                  <a:lnTo>
                    <a:pt x="2375141" y="1935200"/>
                  </a:lnTo>
                  <a:lnTo>
                    <a:pt x="2418169" y="1874126"/>
                  </a:lnTo>
                  <a:lnTo>
                    <a:pt x="2442451" y="1835531"/>
                  </a:lnTo>
                  <a:lnTo>
                    <a:pt x="2465311" y="1795983"/>
                  </a:lnTo>
                  <a:lnTo>
                    <a:pt x="2486710" y="1755508"/>
                  </a:lnTo>
                  <a:lnTo>
                    <a:pt x="2506611" y="1714157"/>
                  </a:lnTo>
                  <a:lnTo>
                    <a:pt x="2524963" y="1671955"/>
                  </a:lnTo>
                  <a:lnTo>
                    <a:pt x="2541740" y="1628952"/>
                  </a:lnTo>
                  <a:lnTo>
                    <a:pt x="2556916" y="1585163"/>
                  </a:lnTo>
                  <a:lnTo>
                    <a:pt x="2570429" y="1540649"/>
                  </a:lnTo>
                  <a:lnTo>
                    <a:pt x="2582265" y="1495437"/>
                  </a:lnTo>
                  <a:lnTo>
                    <a:pt x="2592387" y="1449552"/>
                  </a:lnTo>
                  <a:lnTo>
                    <a:pt x="2600744" y="1403045"/>
                  </a:lnTo>
                  <a:lnTo>
                    <a:pt x="2607310" y="1355953"/>
                  </a:lnTo>
                  <a:lnTo>
                    <a:pt x="2612047" y="1308303"/>
                  </a:lnTo>
                  <a:lnTo>
                    <a:pt x="2614904" y="1260132"/>
                  </a:lnTo>
                  <a:lnTo>
                    <a:pt x="2615869" y="1211478"/>
                  </a:lnTo>
                  <a:close/>
                </a:path>
              </a:pathLst>
            </a:custGeom>
            <a:solidFill>
              <a:srgbClr val="9A1F2D"/>
            </a:solidFill>
          </p:spPr>
          <p:txBody>
            <a:bodyPr wrap="square" lIns="0" tIns="0" rIns="0" bIns="0" rtlCol="0"/>
            <a:lstStyle/>
            <a:p>
              <a:endParaRPr sz="700"/>
            </a:p>
          </p:txBody>
        </p:sp>
      </p:grpSp>
      <p:sp>
        <p:nvSpPr>
          <p:cNvPr id="2" name="Title 1"/>
          <p:cNvSpPr>
            <a:spLocks noGrp="1"/>
          </p:cNvSpPr>
          <p:nvPr>
            <p:ph type="title"/>
          </p:nvPr>
        </p:nvSpPr>
        <p:spPr>
          <a:xfrm>
            <a:off x="572219" y="2894014"/>
            <a:ext cx="10515600" cy="763587"/>
          </a:xfrm>
        </p:spPr>
        <p:txBody>
          <a:bodyPr anchor="t" anchorCtr="0">
            <a:noAutofit/>
          </a:bodyPr>
          <a:lstStyle>
            <a:lvl1pPr>
              <a:defRPr sz="4999">
                <a:solidFill>
                  <a:schemeClr val="bg1"/>
                </a:solidFill>
              </a:defRPr>
            </a:lvl1pPr>
          </a:lstStyle>
          <a:p>
            <a:r>
              <a:rPr lang="en-US"/>
              <a:t>Click to edit Master title style</a:t>
            </a:r>
          </a:p>
        </p:txBody>
      </p:sp>
      <p:sp>
        <p:nvSpPr>
          <p:cNvPr id="3" name="Text Placeholder 2"/>
          <p:cNvSpPr>
            <a:spLocks noGrp="1"/>
          </p:cNvSpPr>
          <p:nvPr>
            <p:ph type="body" idx="1"/>
          </p:nvPr>
        </p:nvSpPr>
        <p:spPr>
          <a:xfrm>
            <a:off x="572219" y="3657600"/>
            <a:ext cx="10515600" cy="488950"/>
          </a:xfrm>
        </p:spPr>
        <p:txBody>
          <a:bodyPr>
            <a:noAutofit/>
          </a:bodyPr>
          <a:lstStyle>
            <a:lvl1pPr marL="0" indent="0">
              <a:buNone/>
              <a:defRPr sz="2500">
                <a:solidFill>
                  <a:schemeClr val="bg1"/>
                </a:solidFill>
              </a:defRPr>
            </a:lvl1pPr>
            <a:lvl2pPr marL="457109" indent="0">
              <a:buNone/>
              <a:defRPr sz="2000">
                <a:solidFill>
                  <a:schemeClr val="tx1">
                    <a:tint val="75000"/>
                  </a:schemeClr>
                </a:solidFill>
              </a:defRPr>
            </a:lvl2pPr>
            <a:lvl3pPr marL="914217" indent="0">
              <a:buNone/>
              <a:defRPr sz="1800">
                <a:solidFill>
                  <a:schemeClr val="tx1">
                    <a:tint val="75000"/>
                  </a:schemeClr>
                </a:solidFill>
              </a:defRPr>
            </a:lvl3pPr>
            <a:lvl4pPr marL="1371326" indent="0">
              <a:buNone/>
              <a:defRPr sz="1600">
                <a:solidFill>
                  <a:schemeClr val="tx1">
                    <a:tint val="75000"/>
                  </a:schemeClr>
                </a:solidFill>
              </a:defRPr>
            </a:lvl4pPr>
            <a:lvl5pPr marL="1828434" indent="0">
              <a:buNone/>
              <a:defRPr sz="1600">
                <a:solidFill>
                  <a:schemeClr val="tx1">
                    <a:tint val="75000"/>
                  </a:schemeClr>
                </a:solidFill>
              </a:defRPr>
            </a:lvl5pPr>
            <a:lvl6pPr marL="2285543" indent="0">
              <a:buNone/>
              <a:defRPr sz="1600">
                <a:solidFill>
                  <a:schemeClr val="tx1">
                    <a:tint val="75000"/>
                  </a:schemeClr>
                </a:solidFill>
              </a:defRPr>
            </a:lvl6pPr>
            <a:lvl7pPr marL="2742651" indent="0">
              <a:buNone/>
              <a:defRPr sz="1600">
                <a:solidFill>
                  <a:schemeClr val="tx1">
                    <a:tint val="75000"/>
                  </a:schemeClr>
                </a:solidFill>
              </a:defRPr>
            </a:lvl7pPr>
            <a:lvl8pPr marL="3199760" indent="0">
              <a:buNone/>
              <a:defRPr sz="1600">
                <a:solidFill>
                  <a:schemeClr val="tx1">
                    <a:tint val="75000"/>
                  </a:schemeClr>
                </a:solidFill>
              </a:defRPr>
            </a:lvl8pPr>
            <a:lvl9pPr marL="3656868" indent="0">
              <a:buNone/>
              <a:defRPr sz="16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250200022"/>
      </p:ext>
    </p:extLst>
  </p:cSld>
  <p:clrMapOvr>
    <a:masterClrMapping/>
  </p:clrMapOvr>
  <p:transition>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5_Section Heade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B69F7F7-257A-3B43-9AD5-36030E7942A7}"/>
              </a:ext>
            </a:extLst>
          </p:cNvPr>
          <p:cNvSpPr/>
          <p:nvPr userDrawn="1"/>
        </p:nvSpPr>
        <p:spPr>
          <a:xfrm>
            <a:off x="0" y="0"/>
            <a:ext cx="12192000" cy="6866628"/>
          </a:xfrm>
          <a:prstGeom prst="rect">
            <a:avLst/>
          </a:prstGeom>
          <a:solidFill>
            <a:srgbClr val="CF202E"/>
          </a:solidFill>
          <a:ln w="25400" cap="flat" cmpd="sng" algn="ctr">
            <a:noFill/>
            <a:prstDash val="solid"/>
          </a:ln>
          <a:effectLst/>
        </p:spPr>
        <p:txBody>
          <a:bodyPr rtlCol="0" anchor="ctr"/>
          <a:lstStyle/>
          <a:p>
            <a:pPr marL="0" marR="0" lvl="0" indent="0" algn="ctr" defTabSz="457109" eaLnBrk="1" fontAlgn="auto" latinLnBrk="0" hangingPunct="1">
              <a:lnSpc>
                <a:spcPct val="100000"/>
              </a:lnSpc>
              <a:spcBef>
                <a:spcPts val="0"/>
              </a:spcBef>
              <a:spcAft>
                <a:spcPts val="0"/>
              </a:spcAft>
              <a:buClrTx/>
              <a:buSzTx/>
              <a:buFontTx/>
              <a:buNone/>
              <a:tabLst/>
              <a:defRPr/>
            </a:pPr>
            <a:endParaRPr kumimoji="0" lang="en-US" sz="900" b="0" i="0" u="none" strike="noStrike" kern="0" cap="none" spc="0" normalizeH="0" baseline="0" noProof="0">
              <a:ln>
                <a:noFill/>
              </a:ln>
              <a:solidFill>
                <a:srgbClr val="09AFBB"/>
              </a:solidFill>
              <a:effectLst/>
              <a:uLnTx/>
              <a:uFillTx/>
              <a:latin typeface="Calibri"/>
              <a:ea typeface="+mn-ea"/>
              <a:cs typeface="+mn-cs"/>
            </a:endParaRPr>
          </a:p>
        </p:txBody>
      </p:sp>
      <p:sp>
        <p:nvSpPr>
          <p:cNvPr id="2" name="Title 1"/>
          <p:cNvSpPr>
            <a:spLocks noGrp="1"/>
          </p:cNvSpPr>
          <p:nvPr>
            <p:ph type="title"/>
          </p:nvPr>
        </p:nvSpPr>
        <p:spPr>
          <a:xfrm>
            <a:off x="572219" y="3047207"/>
            <a:ext cx="10515600" cy="763587"/>
          </a:xfrm>
        </p:spPr>
        <p:txBody>
          <a:bodyPr anchor="t" anchorCtr="0"/>
          <a:lstStyle>
            <a:lvl1pPr>
              <a:defRPr sz="4999">
                <a:solidFill>
                  <a:schemeClr val="bg1"/>
                </a:solidFill>
              </a:defRPr>
            </a:lvl1pPr>
          </a:lstStyle>
          <a:p>
            <a:r>
              <a:rPr lang="en-US"/>
              <a:t>Click to edit Master title style</a:t>
            </a:r>
          </a:p>
        </p:txBody>
      </p:sp>
    </p:spTree>
    <p:extLst>
      <p:ext uri="{BB962C8B-B14F-4D97-AF65-F5344CB8AC3E}">
        <p14:creationId xmlns:p14="http://schemas.microsoft.com/office/powerpoint/2010/main" val="2304001788"/>
      </p:ext>
    </p:extLst>
  </p:cSld>
  <p:clrMapOvr>
    <a:masterClrMapping/>
  </p:clrMapOvr>
  <p:transition>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6_Section Heade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B69F7F7-257A-3B43-9AD5-36030E7942A7}"/>
              </a:ext>
            </a:extLst>
          </p:cNvPr>
          <p:cNvSpPr/>
          <p:nvPr userDrawn="1"/>
        </p:nvSpPr>
        <p:spPr>
          <a:xfrm>
            <a:off x="0" y="-8628"/>
            <a:ext cx="12192000" cy="6866628"/>
          </a:xfrm>
          <a:prstGeom prst="rect">
            <a:avLst/>
          </a:prstGeom>
          <a:solidFill>
            <a:schemeClr val="accent2"/>
          </a:solidFill>
          <a:ln w="25400" cap="flat" cmpd="sng" algn="ctr">
            <a:noFill/>
            <a:prstDash val="solid"/>
          </a:ln>
          <a:effectLst/>
        </p:spPr>
        <p:txBody>
          <a:bodyPr rtlCol="0" anchor="ctr"/>
          <a:lstStyle/>
          <a:p>
            <a:pPr marL="0" marR="0" lvl="0" indent="0" algn="ctr" defTabSz="457109" eaLnBrk="1" fontAlgn="auto" latinLnBrk="0" hangingPunct="1">
              <a:lnSpc>
                <a:spcPct val="100000"/>
              </a:lnSpc>
              <a:spcBef>
                <a:spcPts val="0"/>
              </a:spcBef>
              <a:spcAft>
                <a:spcPts val="0"/>
              </a:spcAft>
              <a:buClrTx/>
              <a:buSzTx/>
              <a:buFontTx/>
              <a:buNone/>
              <a:tabLst/>
              <a:defRPr/>
            </a:pPr>
            <a:endParaRPr kumimoji="0" lang="en-US" sz="900" b="0" i="0" u="none" strike="noStrike" kern="0" cap="none" spc="0" normalizeH="0" baseline="0" noProof="0">
              <a:ln>
                <a:noFill/>
              </a:ln>
              <a:solidFill>
                <a:srgbClr val="09AFBB"/>
              </a:solidFill>
              <a:effectLst/>
              <a:uLnTx/>
              <a:uFillTx/>
              <a:latin typeface="Calibri"/>
              <a:ea typeface="+mn-ea"/>
              <a:cs typeface="+mn-cs"/>
            </a:endParaRPr>
          </a:p>
        </p:txBody>
      </p:sp>
      <p:sp>
        <p:nvSpPr>
          <p:cNvPr id="2" name="Title 1"/>
          <p:cNvSpPr>
            <a:spLocks noGrp="1"/>
          </p:cNvSpPr>
          <p:nvPr>
            <p:ph type="title"/>
          </p:nvPr>
        </p:nvSpPr>
        <p:spPr>
          <a:xfrm>
            <a:off x="572219" y="3047207"/>
            <a:ext cx="10515600" cy="763587"/>
          </a:xfrm>
        </p:spPr>
        <p:txBody>
          <a:bodyPr anchor="t" anchorCtr="0"/>
          <a:lstStyle>
            <a:lvl1pPr>
              <a:defRPr sz="4999">
                <a:solidFill>
                  <a:schemeClr val="bg1"/>
                </a:solidFill>
              </a:defRPr>
            </a:lvl1pPr>
          </a:lstStyle>
          <a:p>
            <a:r>
              <a:rPr lang="en-US"/>
              <a:t>Click to edit Master title style</a:t>
            </a:r>
          </a:p>
        </p:txBody>
      </p:sp>
    </p:spTree>
    <p:extLst>
      <p:ext uri="{BB962C8B-B14F-4D97-AF65-F5344CB8AC3E}">
        <p14:creationId xmlns:p14="http://schemas.microsoft.com/office/powerpoint/2010/main" val="2733344653"/>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7_Section Heade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B69F7F7-257A-3B43-9AD5-36030E7942A7}"/>
              </a:ext>
            </a:extLst>
          </p:cNvPr>
          <p:cNvSpPr/>
          <p:nvPr userDrawn="1"/>
        </p:nvSpPr>
        <p:spPr>
          <a:xfrm>
            <a:off x="0" y="-8628"/>
            <a:ext cx="12192000" cy="6866628"/>
          </a:xfrm>
          <a:prstGeom prst="rect">
            <a:avLst/>
          </a:prstGeom>
          <a:solidFill>
            <a:schemeClr val="accent6"/>
          </a:solidFill>
          <a:ln w="25400" cap="flat" cmpd="sng" algn="ctr">
            <a:noFill/>
            <a:prstDash val="solid"/>
          </a:ln>
          <a:effectLst/>
        </p:spPr>
        <p:txBody>
          <a:bodyPr rtlCol="0" anchor="ctr"/>
          <a:lstStyle/>
          <a:p>
            <a:pPr marL="0" marR="0" lvl="0" indent="0" algn="ctr" defTabSz="457109" eaLnBrk="1" fontAlgn="auto" latinLnBrk="0" hangingPunct="1">
              <a:lnSpc>
                <a:spcPct val="100000"/>
              </a:lnSpc>
              <a:spcBef>
                <a:spcPts val="0"/>
              </a:spcBef>
              <a:spcAft>
                <a:spcPts val="0"/>
              </a:spcAft>
              <a:buClrTx/>
              <a:buSzTx/>
              <a:buFontTx/>
              <a:buNone/>
              <a:tabLst/>
              <a:defRPr/>
            </a:pPr>
            <a:endParaRPr kumimoji="0" lang="en-US" sz="900" b="0" i="0" u="none" strike="noStrike" kern="0" cap="none" spc="0" normalizeH="0" baseline="0" noProof="0">
              <a:ln>
                <a:noFill/>
              </a:ln>
              <a:solidFill>
                <a:srgbClr val="09AFBB"/>
              </a:solidFill>
              <a:effectLst/>
              <a:uLnTx/>
              <a:uFillTx/>
              <a:latin typeface="Calibri"/>
              <a:ea typeface="+mn-ea"/>
              <a:cs typeface="+mn-cs"/>
            </a:endParaRPr>
          </a:p>
        </p:txBody>
      </p:sp>
      <p:sp>
        <p:nvSpPr>
          <p:cNvPr id="2" name="Title 1"/>
          <p:cNvSpPr>
            <a:spLocks noGrp="1"/>
          </p:cNvSpPr>
          <p:nvPr>
            <p:ph type="title"/>
          </p:nvPr>
        </p:nvSpPr>
        <p:spPr>
          <a:xfrm>
            <a:off x="572219" y="3047207"/>
            <a:ext cx="10515600" cy="763587"/>
          </a:xfrm>
        </p:spPr>
        <p:txBody>
          <a:bodyPr anchor="t" anchorCtr="0"/>
          <a:lstStyle>
            <a:lvl1pPr>
              <a:defRPr sz="4999">
                <a:solidFill>
                  <a:schemeClr val="bg1"/>
                </a:solidFill>
              </a:defRPr>
            </a:lvl1pPr>
          </a:lstStyle>
          <a:p>
            <a:r>
              <a:rPr lang="en-US"/>
              <a:t>Click to edit Master title style</a:t>
            </a:r>
          </a:p>
        </p:txBody>
      </p:sp>
    </p:spTree>
    <p:extLst>
      <p:ext uri="{BB962C8B-B14F-4D97-AF65-F5344CB8AC3E}">
        <p14:creationId xmlns:p14="http://schemas.microsoft.com/office/powerpoint/2010/main" val="981660986"/>
      </p:ext>
    </p:extLst>
  </p:cSld>
  <p:clrMapOvr>
    <a:masterClrMapping/>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type="secHead" preserve="1">
  <p:cSld name="8_Section Header">
    <p:spTree>
      <p:nvGrpSpPr>
        <p:cNvPr id="1" name=""/>
        <p:cNvGrpSpPr/>
        <p:nvPr/>
      </p:nvGrpSpPr>
      <p:grpSpPr>
        <a:xfrm>
          <a:off x="0" y="0"/>
          <a:ext cx="0" cy="0"/>
          <a:chOff x="0" y="0"/>
          <a:chExt cx="0" cy="0"/>
        </a:xfrm>
      </p:grpSpPr>
      <p:pic>
        <p:nvPicPr>
          <p:cNvPr id="8" name="Picture 7" descr="A picture containing icon&#10;&#10;Description automatically generated">
            <a:extLst>
              <a:ext uri="{FF2B5EF4-FFF2-40B4-BE49-F238E27FC236}">
                <a16:creationId xmlns:a16="http://schemas.microsoft.com/office/drawing/2014/main" id="{2DC5467B-9107-724C-BBCA-9331A6A37BBC}"/>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2" name="Title 1"/>
          <p:cNvSpPr>
            <a:spLocks noGrp="1"/>
          </p:cNvSpPr>
          <p:nvPr>
            <p:ph type="title"/>
          </p:nvPr>
        </p:nvSpPr>
        <p:spPr>
          <a:xfrm>
            <a:off x="572220" y="3224214"/>
            <a:ext cx="6224737" cy="1576387"/>
          </a:xfrm>
        </p:spPr>
        <p:txBody>
          <a:bodyPr anchor="t" anchorCtr="0">
            <a:noAutofit/>
          </a:bodyPr>
          <a:lstStyle>
            <a:lvl1pPr>
              <a:defRPr sz="4999">
                <a:solidFill>
                  <a:schemeClr val="bg1"/>
                </a:solidFill>
              </a:defRPr>
            </a:lvl1pPr>
          </a:lstStyle>
          <a:p>
            <a:r>
              <a:rPr lang="en-US"/>
              <a:t>Click to edit Master title style</a:t>
            </a:r>
          </a:p>
        </p:txBody>
      </p:sp>
      <p:sp>
        <p:nvSpPr>
          <p:cNvPr id="3" name="Text Placeholder 2"/>
          <p:cNvSpPr>
            <a:spLocks noGrp="1"/>
          </p:cNvSpPr>
          <p:nvPr>
            <p:ph type="body" idx="1"/>
          </p:nvPr>
        </p:nvSpPr>
        <p:spPr>
          <a:xfrm>
            <a:off x="572219" y="2735264"/>
            <a:ext cx="10515600" cy="488950"/>
          </a:xfrm>
        </p:spPr>
        <p:txBody>
          <a:bodyPr>
            <a:noAutofit/>
          </a:bodyPr>
          <a:lstStyle>
            <a:lvl1pPr marL="0" indent="0">
              <a:buNone/>
              <a:defRPr sz="2500">
                <a:solidFill>
                  <a:schemeClr val="bg1"/>
                </a:solidFill>
              </a:defRPr>
            </a:lvl1pPr>
            <a:lvl2pPr marL="457109" indent="0">
              <a:buNone/>
              <a:defRPr sz="2000">
                <a:solidFill>
                  <a:schemeClr val="tx1">
                    <a:tint val="75000"/>
                  </a:schemeClr>
                </a:solidFill>
              </a:defRPr>
            </a:lvl2pPr>
            <a:lvl3pPr marL="914217" indent="0">
              <a:buNone/>
              <a:defRPr sz="1800">
                <a:solidFill>
                  <a:schemeClr val="tx1">
                    <a:tint val="75000"/>
                  </a:schemeClr>
                </a:solidFill>
              </a:defRPr>
            </a:lvl3pPr>
            <a:lvl4pPr marL="1371326" indent="0">
              <a:buNone/>
              <a:defRPr sz="1600">
                <a:solidFill>
                  <a:schemeClr val="tx1">
                    <a:tint val="75000"/>
                  </a:schemeClr>
                </a:solidFill>
              </a:defRPr>
            </a:lvl4pPr>
            <a:lvl5pPr marL="1828434" indent="0">
              <a:buNone/>
              <a:defRPr sz="1600">
                <a:solidFill>
                  <a:schemeClr val="tx1">
                    <a:tint val="75000"/>
                  </a:schemeClr>
                </a:solidFill>
              </a:defRPr>
            </a:lvl5pPr>
            <a:lvl6pPr marL="2285543" indent="0">
              <a:buNone/>
              <a:defRPr sz="1600">
                <a:solidFill>
                  <a:schemeClr val="tx1">
                    <a:tint val="75000"/>
                  </a:schemeClr>
                </a:solidFill>
              </a:defRPr>
            </a:lvl6pPr>
            <a:lvl7pPr marL="2742651" indent="0">
              <a:buNone/>
              <a:defRPr sz="1600">
                <a:solidFill>
                  <a:schemeClr val="tx1">
                    <a:tint val="75000"/>
                  </a:schemeClr>
                </a:solidFill>
              </a:defRPr>
            </a:lvl7pPr>
            <a:lvl8pPr marL="3199760" indent="0">
              <a:buNone/>
              <a:defRPr sz="1600">
                <a:solidFill>
                  <a:schemeClr val="tx1">
                    <a:tint val="75000"/>
                  </a:schemeClr>
                </a:solidFill>
              </a:defRPr>
            </a:lvl8pPr>
            <a:lvl9pPr marL="3656868" indent="0">
              <a:buNone/>
              <a:defRPr sz="16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3305799209"/>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type="secHead" preserve="1">
  <p:cSld name="9_Section Header">
    <p:spTree>
      <p:nvGrpSpPr>
        <p:cNvPr id="1" name=""/>
        <p:cNvGrpSpPr/>
        <p:nvPr/>
      </p:nvGrpSpPr>
      <p:grpSpPr>
        <a:xfrm>
          <a:off x="0" y="0"/>
          <a:ext cx="0" cy="0"/>
          <a:chOff x="0" y="0"/>
          <a:chExt cx="0" cy="0"/>
        </a:xfrm>
      </p:grpSpPr>
      <p:sp>
        <p:nvSpPr>
          <p:cNvPr id="6" name="object 2">
            <a:extLst>
              <a:ext uri="{FF2B5EF4-FFF2-40B4-BE49-F238E27FC236}">
                <a16:creationId xmlns:a16="http://schemas.microsoft.com/office/drawing/2014/main" id="{F233CFD5-870C-0047-9124-2850256D98CA}"/>
              </a:ext>
            </a:extLst>
          </p:cNvPr>
          <p:cNvSpPr/>
          <p:nvPr userDrawn="1"/>
        </p:nvSpPr>
        <p:spPr>
          <a:xfrm>
            <a:off x="0" y="0"/>
            <a:ext cx="12192000" cy="6858990"/>
          </a:xfrm>
          <a:custGeom>
            <a:avLst/>
            <a:gdLst/>
            <a:ahLst/>
            <a:cxnLst/>
            <a:rect l="l" t="t" r="r" b="b"/>
            <a:pathLst>
              <a:path w="20104100" h="11308715">
                <a:moveTo>
                  <a:pt x="20104099" y="0"/>
                </a:moveTo>
                <a:lnTo>
                  <a:pt x="0" y="0"/>
                </a:lnTo>
                <a:lnTo>
                  <a:pt x="0" y="11308556"/>
                </a:lnTo>
                <a:lnTo>
                  <a:pt x="20104099" y="11308556"/>
                </a:lnTo>
                <a:lnTo>
                  <a:pt x="20104099" y="0"/>
                </a:lnTo>
                <a:close/>
              </a:path>
            </a:pathLst>
          </a:custGeom>
          <a:solidFill>
            <a:srgbClr val="08AEBA"/>
          </a:solidFill>
        </p:spPr>
        <p:txBody>
          <a:bodyPr wrap="square" lIns="0" tIns="0" rIns="0" bIns="0" rtlCol="0"/>
          <a:lstStyle/>
          <a:p>
            <a:endParaRPr sz="700"/>
          </a:p>
        </p:txBody>
      </p:sp>
      <p:sp>
        <p:nvSpPr>
          <p:cNvPr id="2" name="Title 1"/>
          <p:cNvSpPr>
            <a:spLocks noGrp="1"/>
          </p:cNvSpPr>
          <p:nvPr>
            <p:ph type="title"/>
          </p:nvPr>
        </p:nvSpPr>
        <p:spPr>
          <a:xfrm>
            <a:off x="572220" y="3224214"/>
            <a:ext cx="6224737" cy="1576387"/>
          </a:xfrm>
        </p:spPr>
        <p:txBody>
          <a:bodyPr anchor="t" anchorCtr="0">
            <a:noAutofit/>
          </a:bodyPr>
          <a:lstStyle>
            <a:lvl1pPr>
              <a:defRPr sz="4999">
                <a:solidFill>
                  <a:schemeClr val="bg1"/>
                </a:solidFill>
              </a:defRPr>
            </a:lvl1pPr>
          </a:lstStyle>
          <a:p>
            <a:r>
              <a:rPr lang="en-US"/>
              <a:t>Click to edit Master title style</a:t>
            </a:r>
          </a:p>
        </p:txBody>
      </p:sp>
      <p:sp>
        <p:nvSpPr>
          <p:cNvPr id="3" name="Text Placeholder 2"/>
          <p:cNvSpPr>
            <a:spLocks noGrp="1"/>
          </p:cNvSpPr>
          <p:nvPr>
            <p:ph type="body" idx="1"/>
          </p:nvPr>
        </p:nvSpPr>
        <p:spPr>
          <a:xfrm>
            <a:off x="572219" y="2735264"/>
            <a:ext cx="10515600" cy="488950"/>
          </a:xfrm>
        </p:spPr>
        <p:txBody>
          <a:bodyPr>
            <a:noAutofit/>
          </a:bodyPr>
          <a:lstStyle>
            <a:lvl1pPr marL="0" indent="0">
              <a:buNone/>
              <a:defRPr sz="2500">
                <a:solidFill>
                  <a:schemeClr val="bg1"/>
                </a:solidFill>
              </a:defRPr>
            </a:lvl1pPr>
            <a:lvl2pPr marL="457109" indent="0">
              <a:buNone/>
              <a:defRPr sz="2000">
                <a:solidFill>
                  <a:schemeClr val="tx1">
                    <a:tint val="75000"/>
                  </a:schemeClr>
                </a:solidFill>
              </a:defRPr>
            </a:lvl2pPr>
            <a:lvl3pPr marL="914217" indent="0">
              <a:buNone/>
              <a:defRPr sz="1800">
                <a:solidFill>
                  <a:schemeClr val="tx1">
                    <a:tint val="75000"/>
                  </a:schemeClr>
                </a:solidFill>
              </a:defRPr>
            </a:lvl3pPr>
            <a:lvl4pPr marL="1371326" indent="0">
              <a:buNone/>
              <a:defRPr sz="1600">
                <a:solidFill>
                  <a:schemeClr val="tx1">
                    <a:tint val="75000"/>
                  </a:schemeClr>
                </a:solidFill>
              </a:defRPr>
            </a:lvl4pPr>
            <a:lvl5pPr marL="1828434" indent="0">
              <a:buNone/>
              <a:defRPr sz="1600">
                <a:solidFill>
                  <a:schemeClr val="tx1">
                    <a:tint val="75000"/>
                  </a:schemeClr>
                </a:solidFill>
              </a:defRPr>
            </a:lvl5pPr>
            <a:lvl6pPr marL="2285543" indent="0">
              <a:buNone/>
              <a:defRPr sz="1600">
                <a:solidFill>
                  <a:schemeClr val="tx1">
                    <a:tint val="75000"/>
                  </a:schemeClr>
                </a:solidFill>
              </a:defRPr>
            </a:lvl6pPr>
            <a:lvl7pPr marL="2742651" indent="0">
              <a:buNone/>
              <a:defRPr sz="1600">
                <a:solidFill>
                  <a:schemeClr val="tx1">
                    <a:tint val="75000"/>
                  </a:schemeClr>
                </a:solidFill>
              </a:defRPr>
            </a:lvl7pPr>
            <a:lvl8pPr marL="3199760" indent="0">
              <a:buNone/>
              <a:defRPr sz="1600">
                <a:solidFill>
                  <a:schemeClr val="tx1">
                    <a:tint val="75000"/>
                  </a:schemeClr>
                </a:solidFill>
              </a:defRPr>
            </a:lvl8pPr>
            <a:lvl9pPr marL="3656868" indent="0">
              <a:buNone/>
              <a:defRPr sz="1600">
                <a:solidFill>
                  <a:schemeClr val="tx1">
                    <a:tint val="75000"/>
                  </a:schemeClr>
                </a:solidFill>
              </a:defRPr>
            </a:lvl9pPr>
          </a:lstStyle>
          <a:p>
            <a:pPr lvl="0"/>
            <a:r>
              <a:rPr lang="en-US"/>
              <a:t>Click to edit Master text styles</a:t>
            </a:r>
          </a:p>
        </p:txBody>
      </p:sp>
      <p:pic>
        <p:nvPicPr>
          <p:cNvPr id="13" name="Picture 12" descr="Graphical user interface&#10;&#10;Description automatically generated">
            <a:extLst>
              <a:ext uri="{FF2B5EF4-FFF2-40B4-BE49-F238E27FC236}">
                <a16:creationId xmlns:a16="http://schemas.microsoft.com/office/drawing/2014/main" id="{F54DFEDC-C7BB-6448-BF67-A24217D740C3}"/>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6998940" y="527502"/>
            <a:ext cx="5193060" cy="5882375"/>
          </a:xfrm>
          <a:prstGeom prst="rect">
            <a:avLst/>
          </a:prstGeom>
        </p:spPr>
      </p:pic>
      <p:pic>
        <p:nvPicPr>
          <p:cNvPr id="15" name="Picture 14" descr="Graphical user interface&#10;&#10;Description automatically generated">
            <a:extLst>
              <a:ext uri="{FF2B5EF4-FFF2-40B4-BE49-F238E27FC236}">
                <a16:creationId xmlns:a16="http://schemas.microsoft.com/office/drawing/2014/main" id="{2C733A14-8390-5441-B957-2451E4522DC5}"/>
              </a:ext>
            </a:extLst>
          </p:cNvPr>
          <p:cNvPicPr>
            <a:picLocks noChangeAspect="1"/>
          </p:cNvPicPr>
          <p:nvPr userDrawn="1"/>
        </p:nvPicPr>
        <p:blipFill rotWithShape="1">
          <a:blip r:embed="rId3" cstate="email">
            <a:extLst>
              <a:ext uri="{28A0092B-C50C-407E-A947-70E740481C1C}">
                <a14:useLocalDpi xmlns:a14="http://schemas.microsoft.com/office/drawing/2010/main"/>
              </a:ext>
            </a:extLst>
          </a:blip>
          <a:srcRect/>
          <a:stretch/>
        </p:blipFill>
        <p:spPr>
          <a:xfrm>
            <a:off x="3371251" y="3015386"/>
            <a:ext cx="6851411" cy="3878262"/>
          </a:xfrm>
          <a:prstGeom prst="rect">
            <a:avLst/>
          </a:prstGeom>
        </p:spPr>
      </p:pic>
    </p:spTree>
    <p:extLst>
      <p:ext uri="{BB962C8B-B14F-4D97-AF65-F5344CB8AC3E}">
        <p14:creationId xmlns:p14="http://schemas.microsoft.com/office/powerpoint/2010/main" val="3223075751"/>
      </p:ext>
    </p:extLst>
  </p:cSld>
  <p:clrMapOvr>
    <a:masterClrMapping/>
  </p:clrMapOvr>
  <p:transition>
    <p:fade/>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10_Section Header">
    <p:spTree>
      <p:nvGrpSpPr>
        <p:cNvPr id="1" name=""/>
        <p:cNvGrpSpPr/>
        <p:nvPr/>
      </p:nvGrpSpPr>
      <p:grpSpPr>
        <a:xfrm>
          <a:off x="0" y="0"/>
          <a:ext cx="0" cy="0"/>
          <a:chOff x="0" y="0"/>
          <a:chExt cx="0" cy="0"/>
        </a:xfrm>
      </p:grpSpPr>
      <p:pic>
        <p:nvPicPr>
          <p:cNvPr id="4" name="Picture 3" descr="A person using a computer&#10;&#10;Description automatically generated with low confidence">
            <a:extLst>
              <a:ext uri="{FF2B5EF4-FFF2-40B4-BE49-F238E27FC236}">
                <a16:creationId xmlns:a16="http://schemas.microsoft.com/office/drawing/2014/main" id="{D688B1D3-CABF-7D49-8F18-055C53EA9605}"/>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131632" y="5896"/>
            <a:ext cx="12323632" cy="6931633"/>
          </a:xfrm>
          <a:prstGeom prst="rect">
            <a:avLst/>
          </a:prstGeom>
        </p:spPr>
      </p:pic>
    </p:spTree>
    <p:extLst>
      <p:ext uri="{BB962C8B-B14F-4D97-AF65-F5344CB8AC3E}">
        <p14:creationId xmlns:p14="http://schemas.microsoft.com/office/powerpoint/2010/main" val="911664423"/>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 Light Blue">
    <p:bg>
      <p:bgPr>
        <a:solidFill>
          <a:schemeClr val="accent3"/>
        </a:solidFill>
        <a:effectLst/>
      </p:bgPr>
    </p:bg>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AB01C140-EE70-4B4E-9C2F-27015C405793}"/>
              </a:ext>
            </a:extLst>
          </p:cNvPr>
          <p:cNvPicPr>
            <a:picLocks noChangeAspect="1"/>
          </p:cNvPicPr>
          <p:nvPr userDrawn="1"/>
        </p:nvPicPr>
        <p:blipFill rotWithShape="1">
          <a:blip r:embed="rId2" cstate="screen">
            <a:alphaModFix amt="20000"/>
            <a:extLst>
              <a:ext uri="{28A0092B-C50C-407E-A947-70E740481C1C}">
                <a14:useLocalDpi xmlns:a14="http://schemas.microsoft.com/office/drawing/2010/main" val="0"/>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20" y="1133269"/>
            <a:ext cx="11277598" cy="2852737"/>
          </a:xfrm>
        </p:spPr>
        <p:txBody>
          <a:bodyPr anchor="b"/>
          <a:lstStyle>
            <a:lvl1pPr>
              <a:defRPr sz="6000">
                <a:solidFill>
                  <a:schemeClr val="bg1"/>
                </a:solidFill>
              </a:defRPr>
            </a:lvl1pPr>
          </a:lstStyle>
          <a:p>
            <a:r>
              <a:rPr lang="en-US"/>
              <a:t>Click to edit Master title style</a:t>
            </a:r>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477520" y="4012994"/>
            <a:ext cx="11277598" cy="1500187"/>
          </a:xfrm>
          <a:prstGeom prst="rect">
            <a:avLst/>
          </a:prstGeom>
        </p:spPr>
        <p:txBody>
          <a:bodyPr/>
          <a:lstStyle>
            <a:lvl1pPr marL="0" indent="0">
              <a:buNone/>
              <a:defRPr sz="240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pic>
        <p:nvPicPr>
          <p:cNvPr id="8" name="Picture 7">
            <a:extLst>
              <a:ext uri="{FF2B5EF4-FFF2-40B4-BE49-F238E27FC236}">
                <a16:creationId xmlns:a16="http://schemas.microsoft.com/office/drawing/2014/main" id="{470EB394-C007-2749-8586-3ADF225CB9F2}"/>
              </a:ext>
            </a:extLst>
          </p:cNvPr>
          <p:cNvPicPr>
            <a:picLocks noChangeAspect="1"/>
          </p:cNvPicPr>
          <p:nvPr userDrawn="1"/>
        </p:nvPicPr>
        <p:blipFill>
          <a:blip r:embed="rId3" cstate="screen">
            <a:extLst>
              <a:ext uri="{28A0092B-C50C-407E-A947-70E740481C1C}">
                <a14:useLocalDpi xmlns:a14="http://schemas.microsoft.com/office/drawing/2010/main" val="0"/>
              </a:ext>
            </a:extLst>
          </a:blip>
          <a:srcRect/>
          <a:stretch/>
        </p:blipFill>
        <p:spPr>
          <a:xfrm>
            <a:off x="571500" y="5866525"/>
            <a:ext cx="1375996" cy="488619"/>
          </a:xfrm>
          <a:prstGeom prst="rect">
            <a:avLst/>
          </a:prstGeom>
        </p:spPr>
      </p:pic>
      <p:sp>
        <p:nvSpPr>
          <p:cNvPr id="11" name="Footer Placeholder 3">
            <a:extLst>
              <a:ext uri="{FF2B5EF4-FFF2-40B4-BE49-F238E27FC236}">
                <a16:creationId xmlns:a16="http://schemas.microsoft.com/office/drawing/2014/main" id="{8B323DA0-3DA2-4645-9872-D4E75E61F5CC}"/>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2" name="Slide Number Placeholder 4">
            <a:extLst>
              <a:ext uri="{FF2B5EF4-FFF2-40B4-BE49-F238E27FC236}">
                <a16:creationId xmlns:a16="http://schemas.microsoft.com/office/drawing/2014/main" id="{C3E3A608-A4BD-6342-BA0F-7A8CF05E8C56}"/>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121744661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type="secHead" preserve="1">
  <p:cSld name="1_Section Heade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B69F7F7-257A-3B43-9AD5-36030E7942A7}"/>
              </a:ext>
            </a:extLst>
          </p:cNvPr>
          <p:cNvSpPr/>
          <p:nvPr userDrawn="1"/>
        </p:nvSpPr>
        <p:spPr>
          <a:xfrm>
            <a:off x="0" y="-8628"/>
            <a:ext cx="12192000" cy="6866628"/>
          </a:xfrm>
          <a:prstGeom prst="rect">
            <a:avLst/>
          </a:prstGeom>
          <a:solidFill>
            <a:srgbClr val="CF202E"/>
          </a:solidFill>
          <a:ln w="25400" cap="flat" cmpd="sng" algn="ctr">
            <a:noFill/>
            <a:prstDash val="solid"/>
          </a:ln>
          <a:effectLst/>
        </p:spPr>
        <p:txBody>
          <a:bodyPr rtlCol="0" anchor="ctr"/>
          <a:lstStyle/>
          <a:p>
            <a:pPr marL="0" marR="0" lvl="0" indent="0" algn="ctr" defTabSz="457109" eaLnBrk="1" fontAlgn="auto" latinLnBrk="0" hangingPunct="1">
              <a:lnSpc>
                <a:spcPct val="100000"/>
              </a:lnSpc>
              <a:spcBef>
                <a:spcPts val="0"/>
              </a:spcBef>
              <a:spcAft>
                <a:spcPts val="0"/>
              </a:spcAft>
              <a:buClrTx/>
              <a:buSzTx/>
              <a:buFontTx/>
              <a:buNone/>
              <a:tabLst/>
              <a:defRPr/>
            </a:pPr>
            <a:endParaRPr kumimoji="0" lang="en-US" sz="900" b="0" i="0" u="none" strike="noStrike" kern="0" cap="none" spc="0" normalizeH="0" baseline="0" noProof="0">
              <a:ln>
                <a:noFill/>
              </a:ln>
              <a:solidFill>
                <a:srgbClr val="09AFBB"/>
              </a:solidFill>
              <a:effectLst/>
              <a:uLnTx/>
              <a:uFillTx/>
              <a:latin typeface="Calibri"/>
              <a:ea typeface="+mn-ea"/>
              <a:cs typeface="+mn-cs"/>
            </a:endParaRPr>
          </a:p>
        </p:txBody>
      </p:sp>
      <p:sp>
        <p:nvSpPr>
          <p:cNvPr id="2" name="Title 1"/>
          <p:cNvSpPr>
            <a:spLocks noGrp="1"/>
          </p:cNvSpPr>
          <p:nvPr>
            <p:ph type="title"/>
          </p:nvPr>
        </p:nvSpPr>
        <p:spPr>
          <a:xfrm>
            <a:off x="572219" y="3224214"/>
            <a:ext cx="10515600" cy="763587"/>
          </a:xfrm>
        </p:spPr>
        <p:txBody>
          <a:bodyPr anchor="t" anchorCtr="0">
            <a:noAutofit/>
          </a:bodyPr>
          <a:lstStyle>
            <a:lvl1pPr>
              <a:defRPr sz="4999">
                <a:solidFill>
                  <a:schemeClr val="bg1"/>
                </a:solidFill>
              </a:defRPr>
            </a:lvl1pPr>
          </a:lstStyle>
          <a:p>
            <a:r>
              <a:rPr lang="en-US"/>
              <a:t>Click to edit Master title style</a:t>
            </a:r>
          </a:p>
        </p:txBody>
      </p:sp>
      <p:sp>
        <p:nvSpPr>
          <p:cNvPr id="3" name="Text Placeholder 2"/>
          <p:cNvSpPr>
            <a:spLocks noGrp="1"/>
          </p:cNvSpPr>
          <p:nvPr>
            <p:ph type="body" idx="1"/>
          </p:nvPr>
        </p:nvSpPr>
        <p:spPr>
          <a:xfrm>
            <a:off x="572219" y="2735264"/>
            <a:ext cx="10515600" cy="488950"/>
          </a:xfrm>
        </p:spPr>
        <p:txBody>
          <a:bodyPr>
            <a:noAutofit/>
          </a:bodyPr>
          <a:lstStyle>
            <a:lvl1pPr marL="0" indent="0">
              <a:buNone/>
              <a:defRPr sz="2500">
                <a:solidFill>
                  <a:schemeClr val="bg1"/>
                </a:solidFill>
              </a:defRPr>
            </a:lvl1pPr>
            <a:lvl2pPr marL="457109" indent="0">
              <a:buNone/>
              <a:defRPr sz="2000">
                <a:solidFill>
                  <a:schemeClr val="tx1">
                    <a:tint val="75000"/>
                  </a:schemeClr>
                </a:solidFill>
              </a:defRPr>
            </a:lvl2pPr>
            <a:lvl3pPr marL="914217" indent="0">
              <a:buNone/>
              <a:defRPr sz="1800">
                <a:solidFill>
                  <a:schemeClr val="tx1">
                    <a:tint val="75000"/>
                  </a:schemeClr>
                </a:solidFill>
              </a:defRPr>
            </a:lvl3pPr>
            <a:lvl4pPr marL="1371326" indent="0">
              <a:buNone/>
              <a:defRPr sz="1600">
                <a:solidFill>
                  <a:schemeClr val="tx1">
                    <a:tint val="75000"/>
                  </a:schemeClr>
                </a:solidFill>
              </a:defRPr>
            </a:lvl4pPr>
            <a:lvl5pPr marL="1828434" indent="0">
              <a:buNone/>
              <a:defRPr sz="1600">
                <a:solidFill>
                  <a:schemeClr val="tx1">
                    <a:tint val="75000"/>
                  </a:schemeClr>
                </a:solidFill>
              </a:defRPr>
            </a:lvl5pPr>
            <a:lvl6pPr marL="2285543" indent="0">
              <a:buNone/>
              <a:defRPr sz="1600">
                <a:solidFill>
                  <a:schemeClr val="tx1">
                    <a:tint val="75000"/>
                  </a:schemeClr>
                </a:solidFill>
              </a:defRPr>
            </a:lvl6pPr>
            <a:lvl7pPr marL="2742651" indent="0">
              <a:buNone/>
              <a:defRPr sz="1600">
                <a:solidFill>
                  <a:schemeClr val="tx1">
                    <a:tint val="75000"/>
                  </a:schemeClr>
                </a:solidFill>
              </a:defRPr>
            </a:lvl7pPr>
            <a:lvl8pPr marL="3199760" indent="0">
              <a:buNone/>
              <a:defRPr sz="1600">
                <a:solidFill>
                  <a:schemeClr val="tx1">
                    <a:tint val="75000"/>
                  </a:schemeClr>
                </a:solidFill>
              </a:defRPr>
            </a:lvl8pPr>
            <a:lvl9pPr marL="3656868" indent="0">
              <a:buNone/>
              <a:defRPr sz="16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2938462561"/>
      </p:ext>
    </p:extLst>
  </p:cSld>
  <p:clrMapOvr>
    <a:masterClrMapping/>
  </p:clrMapOvr>
  <p:transition>
    <p:fade/>
  </p:transition>
</p:sldLayout>
</file>

<file path=ppt/slideLayouts/slideLayout71.xml><?xml version="1.0" encoding="utf-8"?>
<p:sldLayout xmlns:a="http://schemas.openxmlformats.org/drawingml/2006/main" xmlns:r="http://schemas.openxmlformats.org/officeDocument/2006/relationships" xmlns:p="http://schemas.openxmlformats.org/presentationml/2006/main" type="secHead" preserve="1">
  <p:cSld name="3_Section Heade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B69F7F7-257A-3B43-9AD5-36030E7942A7}"/>
              </a:ext>
            </a:extLst>
          </p:cNvPr>
          <p:cNvSpPr/>
          <p:nvPr userDrawn="1"/>
        </p:nvSpPr>
        <p:spPr>
          <a:xfrm>
            <a:off x="0" y="-8628"/>
            <a:ext cx="12192000" cy="6866628"/>
          </a:xfrm>
          <a:prstGeom prst="rect">
            <a:avLst/>
          </a:prstGeom>
          <a:solidFill>
            <a:schemeClr val="accent6"/>
          </a:solidFill>
          <a:ln w="25400" cap="flat" cmpd="sng" algn="ctr">
            <a:noFill/>
            <a:prstDash val="solid"/>
          </a:ln>
          <a:effectLst/>
        </p:spPr>
        <p:txBody>
          <a:bodyPr rtlCol="0" anchor="ctr"/>
          <a:lstStyle/>
          <a:p>
            <a:pPr marL="0" marR="0" lvl="0" indent="0" algn="ctr" defTabSz="457109" eaLnBrk="1" fontAlgn="auto" latinLnBrk="0" hangingPunct="1">
              <a:lnSpc>
                <a:spcPct val="100000"/>
              </a:lnSpc>
              <a:spcBef>
                <a:spcPts val="0"/>
              </a:spcBef>
              <a:spcAft>
                <a:spcPts val="0"/>
              </a:spcAft>
              <a:buClrTx/>
              <a:buSzTx/>
              <a:buFontTx/>
              <a:buNone/>
              <a:tabLst/>
              <a:defRPr/>
            </a:pPr>
            <a:endParaRPr kumimoji="0" lang="en-US" sz="900" b="0" i="0" u="none" strike="noStrike" kern="0" cap="none" spc="0" normalizeH="0" baseline="0" noProof="0">
              <a:ln>
                <a:noFill/>
              </a:ln>
              <a:solidFill>
                <a:srgbClr val="09AFBB"/>
              </a:solidFill>
              <a:effectLst/>
              <a:uLnTx/>
              <a:uFillTx/>
              <a:latin typeface="Calibri"/>
              <a:ea typeface="+mn-ea"/>
              <a:cs typeface="+mn-cs"/>
            </a:endParaRPr>
          </a:p>
        </p:txBody>
      </p:sp>
      <p:sp>
        <p:nvSpPr>
          <p:cNvPr id="2" name="Title 1"/>
          <p:cNvSpPr>
            <a:spLocks noGrp="1"/>
          </p:cNvSpPr>
          <p:nvPr>
            <p:ph type="title"/>
          </p:nvPr>
        </p:nvSpPr>
        <p:spPr>
          <a:xfrm>
            <a:off x="572219" y="3224214"/>
            <a:ext cx="10515600" cy="763587"/>
          </a:xfrm>
        </p:spPr>
        <p:txBody>
          <a:bodyPr anchor="t" anchorCtr="0">
            <a:noAutofit/>
          </a:bodyPr>
          <a:lstStyle>
            <a:lvl1pPr>
              <a:defRPr sz="4999">
                <a:solidFill>
                  <a:schemeClr val="bg1"/>
                </a:solidFill>
              </a:defRPr>
            </a:lvl1pPr>
          </a:lstStyle>
          <a:p>
            <a:r>
              <a:rPr lang="en-US"/>
              <a:t>Click to edit Master title style</a:t>
            </a:r>
          </a:p>
        </p:txBody>
      </p:sp>
      <p:sp>
        <p:nvSpPr>
          <p:cNvPr id="3" name="Text Placeholder 2"/>
          <p:cNvSpPr>
            <a:spLocks noGrp="1"/>
          </p:cNvSpPr>
          <p:nvPr>
            <p:ph type="body" idx="1"/>
          </p:nvPr>
        </p:nvSpPr>
        <p:spPr>
          <a:xfrm>
            <a:off x="572219" y="2735264"/>
            <a:ext cx="10515600" cy="488950"/>
          </a:xfrm>
        </p:spPr>
        <p:txBody>
          <a:bodyPr>
            <a:noAutofit/>
          </a:bodyPr>
          <a:lstStyle>
            <a:lvl1pPr marL="0" indent="0">
              <a:buNone/>
              <a:defRPr sz="2500">
                <a:solidFill>
                  <a:schemeClr val="bg1"/>
                </a:solidFill>
              </a:defRPr>
            </a:lvl1pPr>
            <a:lvl2pPr marL="457109" indent="0">
              <a:buNone/>
              <a:defRPr sz="2000">
                <a:solidFill>
                  <a:schemeClr val="tx1">
                    <a:tint val="75000"/>
                  </a:schemeClr>
                </a:solidFill>
              </a:defRPr>
            </a:lvl2pPr>
            <a:lvl3pPr marL="914217" indent="0">
              <a:buNone/>
              <a:defRPr sz="1800">
                <a:solidFill>
                  <a:schemeClr val="tx1">
                    <a:tint val="75000"/>
                  </a:schemeClr>
                </a:solidFill>
              </a:defRPr>
            </a:lvl3pPr>
            <a:lvl4pPr marL="1371326" indent="0">
              <a:buNone/>
              <a:defRPr sz="1600">
                <a:solidFill>
                  <a:schemeClr val="tx1">
                    <a:tint val="75000"/>
                  </a:schemeClr>
                </a:solidFill>
              </a:defRPr>
            </a:lvl4pPr>
            <a:lvl5pPr marL="1828434" indent="0">
              <a:buNone/>
              <a:defRPr sz="1600">
                <a:solidFill>
                  <a:schemeClr val="tx1">
                    <a:tint val="75000"/>
                  </a:schemeClr>
                </a:solidFill>
              </a:defRPr>
            </a:lvl5pPr>
            <a:lvl6pPr marL="2285543" indent="0">
              <a:buNone/>
              <a:defRPr sz="1600">
                <a:solidFill>
                  <a:schemeClr val="tx1">
                    <a:tint val="75000"/>
                  </a:schemeClr>
                </a:solidFill>
              </a:defRPr>
            </a:lvl6pPr>
            <a:lvl7pPr marL="2742651" indent="0">
              <a:buNone/>
              <a:defRPr sz="1600">
                <a:solidFill>
                  <a:schemeClr val="tx1">
                    <a:tint val="75000"/>
                  </a:schemeClr>
                </a:solidFill>
              </a:defRPr>
            </a:lvl7pPr>
            <a:lvl8pPr marL="3199760" indent="0">
              <a:buNone/>
              <a:defRPr sz="1600">
                <a:solidFill>
                  <a:schemeClr val="tx1">
                    <a:tint val="75000"/>
                  </a:schemeClr>
                </a:solidFill>
              </a:defRPr>
            </a:lvl8pPr>
            <a:lvl9pPr marL="3656868" indent="0">
              <a:buNone/>
              <a:defRPr sz="16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1004713781"/>
      </p:ext>
    </p:extLst>
  </p:cSld>
  <p:clrMapOvr>
    <a:masterClrMapping/>
  </p:clrMapOvr>
  <p:transition>
    <p:fade/>
  </p:transition>
</p:sldLayout>
</file>

<file path=ppt/slideLayouts/slideLayout72.xml><?xml version="1.0" encoding="utf-8"?>
<p:sldLayout xmlns:a="http://schemas.openxmlformats.org/drawingml/2006/main" xmlns:r="http://schemas.openxmlformats.org/officeDocument/2006/relationships" xmlns:p="http://schemas.openxmlformats.org/presentationml/2006/main" type="secHead" preserve="1">
  <p:cSld name="2_Section Heade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B69F7F7-257A-3B43-9AD5-36030E7942A7}"/>
              </a:ext>
            </a:extLst>
          </p:cNvPr>
          <p:cNvSpPr/>
          <p:nvPr userDrawn="1"/>
        </p:nvSpPr>
        <p:spPr>
          <a:xfrm>
            <a:off x="0" y="-8628"/>
            <a:ext cx="12192000" cy="6866628"/>
          </a:xfrm>
          <a:prstGeom prst="rect">
            <a:avLst/>
          </a:prstGeom>
          <a:solidFill>
            <a:schemeClr val="accent2"/>
          </a:solidFill>
          <a:ln w="25400" cap="flat" cmpd="sng" algn="ctr">
            <a:noFill/>
            <a:prstDash val="solid"/>
          </a:ln>
          <a:effectLst/>
        </p:spPr>
        <p:txBody>
          <a:bodyPr rtlCol="0" anchor="ctr"/>
          <a:lstStyle/>
          <a:p>
            <a:pPr marL="0" marR="0" lvl="0" indent="0" algn="ctr" defTabSz="457109" eaLnBrk="1" fontAlgn="auto" latinLnBrk="0" hangingPunct="1">
              <a:lnSpc>
                <a:spcPct val="100000"/>
              </a:lnSpc>
              <a:spcBef>
                <a:spcPts val="0"/>
              </a:spcBef>
              <a:spcAft>
                <a:spcPts val="0"/>
              </a:spcAft>
              <a:buClrTx/>
              <a:buSzTx/>
              <a:buFontTx/>
              <a:buNone/>
              <a:tabLst/>
              <a:defRPr/>
            </a:pPr>
            <a:endParaRPr kumimoji="0" lang="en-US" sz="900" b="0" i="0" u="none" strike="noStrike" kern="0" cap="none" spc="0" normalizeH="0" baseline="0" noProof="0">
              <a:ln>
                <a:noFill/>
              </a:ln>
              <a:solidFill>
                <a:srgbClr val="09AFBB"/>
              </a:solidFill>
              <a:effectLst/>
              <a:uLnTx/>
              <a:uFillTx/>
              <a:latin typeface="Calibri"/>
              <a:ea typeface="+mn-ea"/>
              <a:cs typeface="+mn-cs"/>
            </a:endParaRPr>
          </a:p>
        </p:txBody>
      </p:sp>
      <p:sp>
        <p:nvSpPr>
          <p:cNvPr id="2" name="Title 1"/>
          <p:cNvSpPr>
            <a:spLocks noGrp="1"/>
          </p:cNvSpPr>
          <p:nvPr>
            <p:ph type="title"/>
          </p:nvPr>
        </p:nvSpPr>
        <p:spPr>
          <a:xfrm>
            <a:off x="572219" y="3224214"/>
            <a:ext cx="10515600" cy="763587"/>
          </a:xfrm>
        </p:spPr>
        <p:txBody>
          <a:bodyPr anchor="t" anchorCtr="0">
            <a:noAutofit/>
          </a:bodyPr>
          <a:lstStyle>
            <a:lvl1pPr>
              <a:defRPr sz="4999">
                <a:solidFill>
                  <a:schemeClr val="bg1"/>
                </a:solidFill>
              </a:defRPr>
            </a:lvl1pPr>
          </a:lstStyle>
          <a:p>
            <a:r>
              <a:rPr lang="en-US"/>
              <a:t>Click to edit Master title style</a:t>
            </a:r>
          </a:p>
        </p:txBody>
      </p:sp>
      <p:sp>
        <p:nvSpPr>
          <p:cNvPr id="3" name="Text Placeholder 2"/>
          <p:cNvSpPr>
            <a:spLocks noGrp="1"/>
          </p:cNvSpPr>
          <p:nvPr>
            <p:ph type="body" idx="1"/>
          </p:nvPr>
        </p:nvSpPr>
        <p:spPr>
          <a:xfrm>
            <a:off x="572219" y="2735264"/>
            <a:ext cx="10515600" cy="488950"/>
          </a:xfrm>
        </p:spPr>
        <p:txBody>
          <a:bodyPr>
            <a:noAutofit/>
          </a:bodyPr>
          <a:lstStyle>
            <a:lvl1pPr marL="0" indent="0">
              <a:buNone/>
              <a:defRPr sz="2500">
                <a:solidFill>
                  <a:schemeClr val="bg1"/>
                </a:solidFill>
              </a:defRPr>
            </a:lvl1pPr>
            <a:lvl2pPr marL="457109" indent="0">
              <a:buNone/>
              <a:defRPr sz="2000">
                <a:solidFill>
                  <a:schemeClr val="tx1">
                    <a:tint val="75000"/>
                  </a:schemeClr>
                </a:solidFill>
              </a:defRPr>
            </a:lvl2pPr>
            <a:lvl3pPr marL="914217" indent="0">
              <a:buNone/>
              <a:defRPr sz="1800">
                <a:solidFill>
                  <a:schemeClr val="tx1">
                    <a:tint val="75000"/>
                  </a:schemeClr>
                </a:solidFill>
              </a:defRPr>
            </a:lvl3pPr>
            <a:lvl4pPr marL="1371326" indent="0">
              <a:buNone/>
              <a:defRPr sz="1600">
                <a:solidFill>
                  <a:schemeClr val="tx1">
                    <a:tint val="75000"/>
                  </a:schemeClr>
                </a:solidFill>
              </a:defRPr>
            </a:lvl4pPr>
            <a:lvl5pPr marL="1828434" indent="0">
              <a:buNone/>
              <a:defRPr sz="1600">
                <a:solidFill>
                  <a:schemeClr val="tx1">
                    <a:tint val="75000"/>
                  </a:schemeClr>
                </a:solidFill>
              </a:defRPr>
            </a:lvl5pPr>
            <a:lvl6pPr marL="2285543" indent="0">
              <a:buNone/>
              <a:defRPr sz="1600">
                <a:solidFill>
                  <a:schemeClr val="tx1">
                    <a:tint val="75000"/>
                  </a:schemeClr>
                </a:solidFill>
              </a:defRPr>
            </a:lvl6pPr>
            <a:lvl7pPr marL="2742651" indent="0">
              <a:buNone/>
              <a:defRPr sz="1600">
                <a:solidFill>
                  <a:schemeClr val="tx1">
                    <a:tint val="75000"/>
                  </a:schemeClr>
                </a:solidFill>
              </a:defRPr>
            </a:lvl7pPr>
            <a:lvl8pPr marL="3199760" indent="0">
              <a:buNone/>
              <a:defRPr sz="1600">
                <a:solidFill>
                  <a:schemeClr val="tx1">
                    <a:tint val="75000"/>
                  </a:schemeClr>
                </a:solidFill>
              </a:defRPr>
            </a:lvl8pPr>
            <a:lvl9pPr marL="3656868" indent="0">
              <a:buNone/>
              <a:defRPr sz="16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331121152"/>
      </p:ext>
    </p:extLst>
  </p:cSld>
  <p:clrMapOvr>
    <a:masterClrMapping/>
  </p:clrMapOvr>
  <p:transition>
    <p:fade/>
  </p:transition>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22DEF1CB-B8FD-154F-BA1A-69A40172E014}"/>
              </a:ext>
            </a:extLst>
          </p:cNvPr>
          <p:cNvSpPr/>
          <p:nvPr userDrawn="1"/>
        </p:nvSpPr>
        <p:spPr>
          <a:xfrm>
            <a:off x="6118222" y="0"/>
            <a:ext cx="6073778"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09AFBB"/>
              </a:solidFill>
            </a:endParaRPr>
          </a:p>
        </p:txBody>
      </p:sp>
      <p:sp>
        <p:nvSpPr>
          <p:cNvPr id="2" name="Title 1"/>
          <p:cNvSpPr>
            <a:spLocks noGrp="1"/>
          </p:cNvSpPr>
          <p:nvPr>
            <p:ph type="title"/>
          </p:nvPr>
        </p:nvSpPr>
        <p:spPr>
          <a:xfrm>
            <a:off x="546823" y="641350"/>
            <a:ext cx="5571400" cy="1325563"/>
          </a:xfrm>
        </p:spPr>
        <p:txBody>
          <a:bodyPr>
            <a:noAutofit/>
          </a:bodyPr>
          <a:lstStyle/>
          <a:p>
            <a:r>
              <a:rPr lang="en-US"/>
              <a:t>Click to edit Master title style</a:t>
            </a:r>
          </a:p>
        </p:txBody>
      </p:sp>
      <p:sp>
        <p:nvSpPr>
          <p:cNvPr id="5" name="Slide Number Placeholder 4"/>
          <p:cNvSpPr>
            <a:spLocks noGrp="1"/>
          </p:cNvSpPr>
          <p:nvPr>
            <p:ph type="sldNum" sz="quarter" idx="12"/>
          </p:nvPr>
        </p:nvSpPr>
        <p:spPr/>
        <p:txBody>
          <a:bodyPr/>
          <a:lstStyle/>
          <a:p>
            <a:fld id="{EA8D065C-7253-274F-A38C-EFAAAEC662DD}" type="slidenum">
              <a:rPr lang="en-US" smtClean="0"/>
              <a:t>‹#›</a:t>
            </a:fld>
            <a:endParaRPr lang="en-US"/>
          </a:p>
        </p:txBody>
      </p:sp>
      <p:sp>
        <p:nvSpPr>
          <p:cNvPr id="9" name="Text Placeholder 13">
            <a:extLst>
              <a:ext uri="{FF2B5EF4-FFF2-40B4-BE49-F238E27FC236}">
                <a16:creationId xmlns:a16="http://schemas.microsoft.com/office/drawing/2014/main" id="{A75F625D-904E-5A46-884F-44CC0011CE72}"/>
              </a:ext>
            </a:extLst>
          </p:cNvPr>
          <p:cNvSpPr>
            <a:spLocks noGrp="1"/>
          </p:cNvSpPr>
          <p:nvPr>
            <p:ph type="body" sz="quarter" idx="13" hasCustomPrompt="1"/>
          </p:nvPr>
        </p:nvSpPr>
        <p:spPr>
          <a:xfrm>
            <a:off x="572219" y="3068638"/>
            <a:ext cx="2303947" cy="360363"/>
          </a:xfrm>
        </p:spPr>
        <p:txBody>
          <a:bodyPr>
            <a:noAutofit/>
          </a:bodyPr>
          <a:lstStyle>
            <a:lvl1pPr algn="l">
              <a:buNone/>
              <a:defRPr/>
            </a:lvl1pPr>
            <a:lvl2pPr algn="l">
              <a:buNone/>
              <a:defRPr/>
            </a:lvl2pPr>
            <a:lvl3pPr>
              <a:buNone/>
              <a:defRPr/>
            </a:lvl3pPr>
          </a:lstStyle>
          <a:p>
            <a:pPr lvl="0"/>
            <a:r>
              <a:rPr lang="en-US"/>
              <a:t>I’m a subhead.</a:t>
            </a:r>
          </a:p>
        </p:txBody>
      </p:sp>
      <p:sp>
        <p:nvSpPr>
          <p:cNvPr id="4" name="Text Placeholder 3">
            <a:extLst>
              <a:ext uri="{FF2B5EF4-FFF2-40B4-BE49-F238E27FC236}">
                <a16:creationId xmlns:a16="http://schemas.microsoft.com/office/drawing/2014/main" id="{F959CFE3-CDF1-C644-94A6-2C7577CD6580}"/>
              </a:ext>
            </a:extLst>
          </p:cNvPr>
          <p:cNvSpPr>
            <a:spLocks noGrp="1"/>
          </p:cNvSpPr>
          <p:nvPr>
            <p:ph type="body" sz="quarter" idx="15"/>
          </p:nvPr>
        </p:nvSpPr>
        <p:spPr>
          <a:xfrm>
            <a:off x="577518" y="3623469"/>
            <a:ext cx="3034111" cy="1267619"/>
          </a:xfrm>
        </p:spPr>
        <p:txBody>
          <a:bodyPr>
            <a:noAutofit/>
          </a:bodyPr>
          <a:lstStyle>
            <a:lvl1pPr>
              <a:lnSpc>
                <a:spcPct val="100000"/>
              </a:lnSpc>
              <a:buNone/>
              <a:defRPr sz="1250"/>
            </a:lvl1pPr>
            <a:lvl2pPr>
              <a:buNone/>
              <a:defRPr sz="1250"/>
            </a:lvl2pPr>
            <a:lvl3pPr>
              <a:buNone/>
              <a:defRPr sz="1250"/>
            </a:lvl3pPr>
            <a:lvl4pPr>
              <a:buNone/>
              <a:defRPr sz="1250"/>
            </a:lvl4pPr>
            <a:lvl5pPr>
              <a:buNone/>
              <a:defRPr sz="1250"/>
            </a:lvl5pPr>
          </a:lstStyle>
          <a:p>
            <a:pPr lvl="0"/>
            <a:r>
              <a:rPr lang="en-US"/>
              <a:t>Click to edit Master text styles</a:t>
            </a:r>
          </a:p>
        </p:txBody>
      </p:sp>
      <p:pic>
        <p:nvPicPr>
          <p:cNvPr id="7" name="Picture 6">
            <a:extLst>
              <a:ext uri="{FF2B5EF4-FFF2-40B4-BE49-F238E27FC236}">
                <a16:creationId xmlns:a16="http://schemas.microsoft.com/office/drawing/2014/main" id="{61673A55-EC8D-CC4B-8E15-63603D0A8C85}"/>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10520018" y="6299207"/>
            <a:ext cx="1169778" cy="367962"/>
          </a:xfrm>
          <a:prstGeom prst="rect">
            <a:avLst/>
          </a:prstGeom>
        </p:spPr>
      </p:pic>
    </p:spTree>
    <p:extLst>
      <p:ext uri="{BB962C8B-B14F-4D97-AF65-F5344CB8AC3E}">
        <p14:creationId xmlns:p14="http://schemas.microsoft.com/office/powerpoint/2010/main" val="3252430401"/>
      </p:ext>
    </p:extLst>
  </p:cSld>
  <p:clrMapOvr>
    <a:masterClrMapping/>
  </p:clrMapOvr>
  <p:transition>
    <p:fade/>
  </p:transition>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7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46823" y="2103437"/>
            <a:ext cx="7152385" cy="1325563"/>
          </a:xfrm>
        </p:spPr>
        <p:txBody>
          <a:bodyPr>
            <a:noAutofit/>
          </a:bodyPr>
          <a:lstStyle/>
          <a:p>
            <a:r>
              <a:rPr lang="en-US"/>
              <a:t>Start with an </a:t>
            </a:r>
            <a:br>
              <a:rPr lang="en-US"/>
            </a:br>
            <a:r>
              <a:rPr lang="en-US"/>
              <a:t>impactful message.</a:t>
            </a:r>
          </a:p>
        </p:txBody>
      </p:sp>
      <p:sp>
        <p:nvSpPr>
          <p:cNvPr id="5" name="Slide Number Placeholder 4"/>
          <p:cNvSpPr>
            <a:spLocks noGrp="1"/>
          </p:cNvSpPr>
          <p:nvPr>
            <p:ph type="sldNum" sz="quarter" idx="12"/>
          </p:nvPr>
        </p:nvSpPr>
        <p:spPr/>
        <p:txBody>
          <a:bodyPr/>
          <a:lstStyle/>
          <a:p>
            <a:fld id="{EA8D065C-7253-274F-A38C-EFAAAEC662DD}" type="slidenum">
              <a:rPr lang="en-US" smtClean="0"/>
              <a:t>‹#›</a:t>
            </a:fld>
            <a:endParaRPr lang="en-US"/>
          </a:p>
        </p:txBody>
      </p:sp>
      <p:sp>
        <p:nvSpPr>
          <p:cNvPr id="6" name="Text Placeholder 3">
            <a:extLst>
              <a:ext uri="{FF2B5EF4-FFF2-40B4-BE49-F238E27FC236}">
                <a16:creationId xmlns:a16="http://schemas.microsoft.com/office/drawing/2014/main" id="{1A9FCD8B-EC39-704A-A7FF-E7C3273F0C06}"/>
              </a:ext>
            </a:extLst>
          </p:cNvPr>
          <p:cNvSpPr>
            <a:spLocks noGrp="1"/>
          </p:cNvSpPr>
          <p:nvPr>
            <p:ph type="body" sz="quarter" idx="15"/>
          </p:nvPr>
        </p:nvSpPr>
        <p:spPr>
          <a:xfrm>
            <a:off x="577518" y="3748160"/>
            <a:ext cx="7152385" cy="1267619"/>
          </a:xfrm>
        </p:spPr>
        <p:txBody>
          <a:bodyPr>
            <a:noAutofit/>
          </a:bodyPr>
          <a:lstStyle>
            <a:lvl1pPr>
              <a:lnSpc>
                <a:spcPct val="100000"/>
              </a:lnSpc>
              <a:buNone/>
              <a:defRPr sz="1250"/>
            </a:lvl1pPr>
            <a:lvl2pPr>
              <a:buNone/>
              <a:defRPr sz="1250"/>
            </a:lvl2pPr>
            <a:lvl3pPr>
              <a:buNone/>
              <a:defRPr sz="1250"/>
            </a:lvl3pPr>
            <a:lvl4pPr>
              <a:buNone/>
              <a:defRPr sz="1250"/>
            </a:lvl4pPr>
            <a:lvl5pPr>
              <a:buNone/>
              <a:defRPr sz="1250"/>
            </a:lvl5pPr>
          </a:lstStyle>
          <a:p>
            <a:pPr lvl="0"/>
            <a:r>
              <a:rPr lang="en-US"/>
              <a:t>Click to edit Master text styles</a:t>
            </a:r>
          </a:p>
        </p:txBody>
      </p:sp>
    </p:spTree>
    <p:extLst>
      <p:ext uri="{BB962C8B-B14F-4D97-AF65-F5344CB8AC3E}">
        <p14:creationId xmlns:p14="http://schemas.microsoft.com/office/powerpoint/2010/main" val="1208181443"/>
      </p:ext>
    </p:extLst>
  </p:cSld>
  <p:clrMapOvr>
    <a:masterClrMapping/>
  </p:clrMapOvr>
  <p:transition>
    <p:fade/>
  </p:transition>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5" name="Slide Number Placeholder 4"/>
          <p:cNvSpPr>
            <a:spLocks noGrp="1"/>
          </p:cNvSpPr>
          <p:nvPr>
            <p:ph type="sldNum" sz="quarter" idx="12"/>
          </p:nvPr>
        </p:nvSpPr>
        <p:spPr/>
        <p:txBody>
          <a:bodyPr/>
          <a:lstStyle/>
          <a:p>
            <a:fld id="{EA8D065C-7253-274F-A38C-EFAAAEC662DD}" type="slidenum">
              <a:rPr lang="en-US" smtClean="0"/>
              <a:t>‹#›</a:t>
            </a:fld>
            <a:endParaRPr lang="en-US"/>
          </a:p>
        </p:txBody>
      </p:sp>
      <p:grpSp>
        <p:nvGrpSpPr>
          <p:cNvPr id="9" name="Group 8">
            <a:extLst>
              <a:ext uri="{FF2B5EF4-FFF2-40B4-BE49-F238E27FC236}">
                <a16:creationId xmlns:a16="http://schemas.microsoft.com/office/drawing/2014/main" id="{946AFD64-19C9-894E-988A-821E140A868B}"/>
              </a:ext>
            </a:extLst>
          </p:cNvPr>
          <p:cNvGrpSpPr/>
          <p:nvPr userDrawn="1"/>
        </p:nvGrpSpPr>
        <p:grpSpPr>
          <a:xfrm>
            <a:off x="5879335" y="0"/>
            <a:ext cx="7266952" cy="7783139"/>
            <a:chOff x="14126665" y="2225675"/>
            <a:chExt cx="12143931" cy="13004847"/>
          </a:xfrm>
        </p:grpSpPr>
        <p:pic>
          <p:nvPicPr>
            <p:cNvPr id="7" name="Picture 6" descr="Icon&#10;&#10;Description automatically generated">
              <a:extLst>
                <a:ext uri="{FF2B5EF4-FFF2-40B4-BE49-F238E27FC236}">
                  <a16:creationId xmlns:a16="http://schemas.microsoft.com/office/drawing/2014/main" id="{1C37BCE1-8C2A-1E4E-83CA-3150C5669A8A}"/>
                </a:ext>
              </a:extLst>
            </p:cNvPr>
            <p:cNvPicPr>
              <a:picLocks noChangeAspect="1"/>
            </p:cNvPicPr>
            <p:nvPr userDrawn="1"/>
          </p:nvPicPr>
          <p:blipFill rotWithShape="1">
            <a:blip r:embed="rId2" cstate="email">
              <a:duotone>
                <a:schemeClr val="bg2">
                  <a:shade val="45000"/>
                  <a:satMod val="135000"/>
                </a:schemeClr>
                <a:prstClr val="white"/>
              </a:duotone>
              <a:alphaModFix amt="14000"/>
              <a:extLst>
                <a:ext uri="{28A0092B-C50C-407E-A947-70E740481C1C}">
                  <a14:useLocalDpi xmlns:a14="http://schemas.microsoft.com/office/drawing/2010/main"/>
                </a:ext>
              </a:extLst>
            </a:blip>
            <a:srcRect l="16083" t="18099" r="19614" b="18677"/>
            <a:stretch/>
          </p:blipFill>
          <p:spPr>
            <a:xfrm>
              <a:off x="14126665" y="2225675"/>
              <a:ext cx="12143931" cy="13004847"/>
            </a:xfrm>
            <a:prstGeom prst="rect">
              <a:avLst/>
            </a:prstGeom>
          </p:spPr>
        </p:pic>
        <p:pic>
          <p:nvPicPr>
            <p:cNvPr id="8" name="Picture 7" descr="Icon&#10;&#10;Description automatically generated">
              <a:extLst>
                <a:ext uri="{FF2B5EF4-FFF2-40B4-BE49-F238E27FC236}">
                  <a16:creationId xmlns:a16="http://schemas.microsoft.com/office/drawing/2014/main" id="{F5244196-4CCE-F645-A311-D45746E7A8A1}"/>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l="16083" t="19183" r="19614" b="24780"/>
            <a:stretch/>
          </p:blipFill>
          <p:spPr>
            <a:xfrm>
              <a:off x="16556042" y="7102475"/>
              <a:ext cx="6934783" cy="6582232"/>
            </a:xfrm>
            <a:prstGeom prst="rect">
              <a:avLst/>
            </a:prstGeom>
          </p:spPr>
        </p:pic>
      </p:grpSp>
      <p:sp>
        <p:nvSpPr>
          <p:cNvPr id="10" name="Title 1">
            <a:extLst>
              <a:ext uri="{FF2B5EF4-FFF2-40B4-BE49-F238E27FC236}">
                <a16:creationId xmlns:a16="http://schemas.microsoft.com/office/drawing/2014/main" id="{184541A6-66DF-3040-B83B-57F8EAE9045D}"/>
              </a:ext>
            </a:extLst>
          </p:cNvPr>
          <p:cNvSpPr txBox="1">
            <a:spLocks/>
          </p:cNvSpPr>
          <p:nvPr userDrawn="1"/>
        </p:nvSpPr>
        <p:spPr>
          <a:xfrm>
            <a:off x="546823" y="2103437"/>
            <a:ext cx="7152385" cy="1325563"/>
          </a:xfrm>
          <a:prstGeom prst="rect">
            <a:avLst/>
          </a:prstGeom>
        </p:spPr>
        <p:txBody>
          <a:bodyPr vert="horz" lIns="0" tIns="0" rIns="0" bIns="0" rtlCol="0" anchor="t" anchorCtr="0">
            <a:noAutofit/>
          </a:bodyPr>
          <a:lstStyle>
            <a:lvl1pPr algn="l" defTabSz="1828800" rtl="0" eaLnBrk="1" latinLnBrk="0" hangingPunct="1">
              <a:lnSpc>
                <a:spcPct val="100000"/>
              </a:lnSpc>
              <a:spcBef>
                <a:spcPct val="0"/>
              </a:spcBef>
              <a:buNone/>
              <a:defRPr sz="10000" b="0" i="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r>
              <a:rPr lang="en-US" sz="4999"/>
              <a:t>Start with an </a:t>
            </a:r>
            <a:br>
              <a:rPr lang="en-US" sz="4999"/>
            </a:br>
            <a:r>
              <a:rPr lang="en-US" sz="4999"/>
              <a:t>impactful message.</a:t>
            </a:r>
          </a:p>
        </p:txBody>
      </p:sp>
      <p:sp>
        <p:nvSpPr>
          <p:cNvPr id="16" name="Text Placeholder 3">
            <a:extLst>
              <a:ext uri="{FF2B5EF4-FFF2-40B4-BE49-F238E27FC236}">
                <a16:creationId xmlns:a16="http://schemas.microsoft.com/office/drawing/2014/main" id="{67F42BE9-F61B-504D-934E-486D90AD073B}"/>
              </a:ext>
            </a:extLst>
          </p:cNvPr>
          <p:cNvSpPr>
            <a:spLocks noGrp="1"/>
          </p:cNvSpPr>
          <p:nvPr>
            <p:ph type="body" sz="quarter" idx="15"/>
          </p:nvPr>
        </p:nvSpPr>
        <p:spPr>
          <a:xfrm>
            <a:off x="577518" y="3748160"/>
            <a:ext cx="5870569" cy="1267619"/>
          </a:xfrm>
        </p:spPr>
        <p:txBody>
          <a:bodyPr>
            <a:noAutofit/>
          </a:bodyPr>
          <a:lstStyle>
            <a:lvl1pPr>
              <a:lnSpc>
                <a:spcPct val="100000"/>
              </a:lnSpc>
              <a:buNone/>
              <a:defRPr sz="1250"/>
            </a:lvl1pPr>
            <a:lvl2pPr>
              <a:buNone/>
              <a:defRPr sz="1250"/>
            </a:lvl2pPr>
            <a:lvl3pPr>
              <a:buNone/>
              <a:defRPr sz="1250"/>
            </a:lvl3pPr>
            <a:lvl4pPr>
              <a:buNone/>
              <a:defRPr sz="1250"/>
            </a:lvl4pPr>
            <a:lvl5pPr>
              <a:buNone/>
              <a:defRPr sz="1250"/>
            </a:lvl5pPr>
          </a:lstStyle>
          <a:p>
            <a:pPr lvl="0"/>
            <a:r>
              <a:rPr lang="en-US"/>
              <a:t>Click to edit Master text styles</a:t>
            </a:r>
          </a:p>
        </p:txBody>
      </p:sp>
    </p:spTree>
    <p:extLst>
      <p:ext uri="{BB962C8B-B14F-4D97-AF65-F5344CB8AC3E}">
        <p14:creationId xmlns:p14="http://schemas.microsoft.com/office/powerpoint/2010/main" val="4188690598"/>
      </p:ext>
    </p:extLst>
  </p:cSld>
  <p:clrMapOvr>
    <a:masterClrMapping/>
  </p:clrMapOvr>
  <p:transition>
    <p:fade/>
  </p:transition>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8_Title Only">
    <p:spTree>
      <p:nvGrpSpPr>
        <p:cNvPr id="1" name=""/>
        <p:cNvGrpSpPr/>
        <p:nvPr/>
      </p:nvGrpSpPr>
      <p:grpSpPr>
        <a:xfrm>
          <a:off x="0" y="0"/>
          <a:ext cx="0" cy="0"/>
          <a:chOff x="0" y="0"/>
          <a:chExt cx="0" cy="0"/>
        </a:xfrm>
      </p:grpSpPr>
      <p:sp>
        <p:nvSpPr>
          <p:cNvPr id="5" name="Slide Number Placeholder 4"/>
          <p:cNvSpPr>
            <a:spLocks noGrp="1"/>
          </p:cNvSpPr>
          <p:nvPr>
            <p:ph type="sldNum" sz="quarter" idx="12"/>
          </p:nvPr>
        </p:nvSpPr>
        <p:spPr/>
        <p:txBody>
          <a:bodyPr/>
          <a:lstStyle/>
          <a:p>
            <a:fld id="{EA8D065C-7253-274F-A38C-EFAAAEC662DD}" type="slidenum">
              <a:rPr lang="en-US" smtClean="0"/>
              <a:t>‹#›</a:t>
            </a:fld>
            <a:endParaRPr lang="en-US"/>
          </a:p>
        </p:txBody>
      </p:sp>
      <p:pic>
        <p:nvPicPr>
          <p:cNvPr id="10" name="Picture 9" descr="Icon&#10;&#10;Description automatically generated">
            <a:extLst>
              <a:ext uri="{FF2B5EF4-FFF2-40B4-BE49-F238E27FC236}">
                <a16:creationId xmlns:a16="http://schemas.microsoft.com/office/drawing/2014/main" id="{52F18BE7-C9B3-0349-B799-D8C2AF95ED21}"/>
              </a:ext>
            </a:extLst>
          </p:cNvPr>
          <p:cNvPicPr>
            <a:picLocks noChangeAspect="1"/>
          </p:cNvPicPr>
          <p:nvPr userDrawn="1"/>
        </p:nvPicPr>
        <p:blipFill rotWithShape="1">
          <a:blip r:embed="rId2" cstate="email">
            <a:duotone>
              <a:schemeClr val="bg2">
                <a:shade val="45000"/>
                <a:satMod val="135000"/>
              </a:schemeClr>
              <a:prstClr val="white"/>
            </a:duotone>
            <a:alphaModFix amt="17000"/>
            <a:extLst>
              <a:ext uri="{28A0092B-C50C-407E-A947-70E740481C1C}">
                <a14:useLocalDpi xmlns:a14="http://schemas.microsoft.com/office/drawing/2010/main"/>
              </a:ext>
            </a:extLst>
          </a:blip>
          <a:srcRect l="21247" t="22981" r="25518" b="24116"/>
          <a:stretch/>
        </p:blipFill>
        <p:spPr>
          <a:xfrm>
            <a:off x="6420852" y="610564"/>
            <a:ext cx="5771148" cy="6247436"/>
          </a:xfrm>
          <a:prstGeom prst="rect">
            <a:avLst/>
          </a:prstGeom>
        </p:spPr>
      </p:pic>
      <p:sp>
        <p:nvSpPr>
          <p:cNvPr id="3" name="Text Placeholder 2">
            <a:extLst>
              <a:ext uri="{FF2B5EF4-FFF2-40B4-BE49-F238E27FC236}">
                <a16:creationId xmlns:a16="http://schemas.microsoft.com/office/drawing/2014/main" id="{63DA16D5-45C7-204A-85DC-6C3271D1FF4E}"/>
              </a:ext>
            </a:extLst>
          </p:cNvPr>
          <p:cNvSpPr>
            <a:spLocks noGrp="1"/>
          </p:cNvSpPr>
          <p:nvPr>
            <p:ph type="body" sz="quarter" idx="13"/>
          </p:nvPr>
        </p:nvSpPr>
        <p:spPr>
          <a:xfrm>
            <a:off x="572219" y="1638300"/>
            <a:ext cx="10990419" cy="45339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itle 3">
            <a:extLst>
              <a:ext uri="{FF2B5EF4-FFF2-40B4-BE49-F238E27FC236}">
                <a16:creationId xmlns:a16="http://schemas.microsoft.com/office/drawing/2014/main" id="{7F29BEF3-6973-F44E-AD0B-11E7FA7DE874}"/>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282378626"/>
      </p:ext>
    </p:extLst>
  </p:cSld>
  <p:clrMapOvr>
    <a:masterClrMapping/>
  </p:clrMapOvr>
  <p:transition>
    <p:fade/>
  </p:transition>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5" name="Slide Number Placeholder 4"/>
          <p:cNvSpPr>
            <a:spLocks noGrp="1"/>
          </p:cNvSpPr>
          <p:nvPr>
            <p:ph type="sldNum" sz="quarter" idx="12"/>
          </p:nvPr>
        </p:nvSpPr>
        <p:spPr/>
        <p:txBody>
          <a:bodyPr/>
          <a:lstStyle/>
          <a:p>
            <a:fld id="{EA8D065C-7253-274F-A38C-EFAAAEC662DD}" type="slidenum">
              <a:rPr lang="en-US" smtClean="0"/>
              <a:t>‹#›</a:t>
            </a:fld>
            <a:endParaRPr lang="en-US"/>
          </a:p>
        </p:txBody>
      </p:sp>
      <p:grpSp>
        <p:nvGrpSpPr>
          <p:cNvPr id="9" name="Group 8">
            <a:extLst>
              <a:ext uri="{FF2B5EF4-FFF2-40B4-BE49-F238E27FC236}">
                <a16:creationId xmlns:a16="http://schemas.microsoft.com/office/drawing/2014/main" id="{946AFD64-19C9-894E-988A-821E140A868B}"/>
              </a:ext>
            </a:extLst>
          </p:cNvPr>
          <p:cNvGrpSpPr/>
          <p:nvPr userDrawn="1"/>
        </p:nvGrpSpPr>
        <p:grpSpPr>
          <a:xfrm>
            <a:off x="5879335" y="0"/>
            <a:ext cx="7266952" cy="7783139"/>
            <a:chOff x="14126665" y="2225675"/>
            <a:chExt cx="12143931" cy="13004847"/>
          </a:xfrm>
        </p:grpSpPr>
        <p:pic>
          <p:nvPicPr>
            <p:cNvPr id="7" name="Picture 6" descr="Icon&#10;&#10;Description automatically generated">
              <a:extLst>
                <a:ext uri="{FF2B5EF4-FFF2-40B4-BE49-F238E27FC236}">
                  <a16:creationId xmlns:a16="http://schemas.microsoft.com/office/drawing/2014/main" id="{1C37BCE1-8C2A-1E4E-83CA-3150C5669A8A}"/>
                </a:ext>
              </a:extLst>
            </p:cNvPr>
            <p:cNvPicPr>
              <a:picLocks noChangeAspect="1"/>
            </p:cNvPicPr>
            <p:nvPr userDrawn="1"/>
          </p:nvPicPr>
          <p:blipFill rotWithShape="1">
            <a:blip r:embed="rId2" cstate="email">
              <a:duotone>
                <a:schemeClr val="bg2">
                  <a:shade val="45000"/>
                  <a:satMod val="135000"/>
                </a:schemeClr>
                <a:prstClr val="white"/>
              </a:duotone>
              <a:alphaModFix amt="14000"/>
              <a:extLst>
                <a:ext uri="{28A0092B-C50C-407E-A947-70E740481C1C}">
                  <a14:useLocalDpi xmlns:a14="http://schemas.microsoft.com/office/drawing/2010/main"/>
                </a:ext>
              </a:extLst>
            </a:blip>
            <a:srcRect l="16083" t="18099" r="19614" b="18677"/>
            <a:stretch/>
          </p:blipFill>
          <p:spPr>
            <a:xfrm>
              <a:off x="14126665" y="2225675"/>
              <a:ext cx="12143931" cy="13004847"/>
            </a:xfrm>
            <a:prstGeom prst="rect">
              <a:avLst/>
            </a:prstGeom>
          </p:spPr>
        </p:pic>
        <p:pic>
          <p:nvPicPr>
            <p:cNvPr id="8" name="Picture 7" descr="Icon&#10;&#10;Description automatically generated">
              <a:extLst>
                <a:ext uri="{FF2B5EF4-FFF2-40B4-BE49-F238E27FC236}">
                  <a16:creationId xmlns:a16="http://schemas.microsoft.com/office/drawing/2014/main" id="{F5244196-4CCE-F645-A311-D45746E7A8A1}"/>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l="16083" t="19183" r="19614" b="24780"/>
            <a:stretch/>
          </p:blipFill>
          <p:spPr>
            <a:xfrm>
              <a:off x="16556042" y="7102475"/>
              <a:ext cx="6934783" cy="6582232"/>
            </a:xfrm>
            <a:prstGeom prst="rect">
              <a:avLst/>
            </a:prstGeom>
          </p:spPr>
        </p:pic>
      </p:grpSp>
      <p:sp>
        <p:nvSpPr>
          <p:cNvPr id="12" name="Title 1">
            <a:extLst>
              <a:ext uri="{FF2B5EF4-FFF2-40B4-BE49-F238E27FC236}">
                <a16:creationId xmlns:a16="http://schemas.microsoft.com/office/drawing/2014/main" id="{18AB705E-B373-F643-9ADF-5C47B986A509}"/>
              </a:ext>
            </a:extLst>
          </p:cNvPr>
          <p:cNvSpPr>
            <a:spLocks noGrp="1"/>
          </p:cNvSpPr>
          <p:nvPr>
            <p:ph type="title"/>
          </p:nvPr>
        </p:nvSpPr>
        <p:spPr>
          <a:xfrm>
            <a:off x="546823" y="641350"/>
            <a:ext cx="10515600" cy="553870"/>
          </a:xfrm>
        </p:spPr>
        <p:txBody>
          <a:bodyPr/>
          <a:lstStyle/>
          <a:p>
            <a:r>
              <a:rPr lang="en-US"/>
              <a:t>Click to edit Master title style</a:t>
            </a:r>
          </a:p>
        </p:txBody>
      </p:sp>
      <p:sp>
        <p:nvSpPr>
          <p:cNvPr id="3" name="Text Placeholder 2">
            <a:extLst>
              <a:ext uri="{FF2B5EF4-FFF2-40B4-BE49-F238E27FC236}">
                <a16:creationId xmlns:a16="http://schemas.microsoft.com/office/drawing/2014/main" id="{02ACC51B-E224-D848-B1D7-48EFE90844E4}"/>
              </a:ext>
            </a:extLst>
          </p:cNvPr>
          <p:cNvSpPr>
            <a:spLocks noGrp="1"/>
          </p:cNvSpPr>
          <p:nvPr>
            <p:ph type="body" sz="quarter" idx="13"/>
          </p:nvPr>
        </p:nvSpPr>
        <p:spPr>
          <a:xfrm>
            <a:off x="572219" y="1638300"/>
            <a:ext cx="10990419" cy="45339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83706785"/>
      </p:ext>
    </p:extLst>
  </p:cSld>
  <p:clrMapOvr>
    <a:masterClrMapping/>
  </p:clrMapOvr>
  <p:transition>
    <p:fade/>
  </p:transition>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3_Title and Content">
    <p:bg>
      <p:bgPr>
        <a:solidFill>
          <a:schemeClr val="bg1"/>
        </a:solidFill>
        <a:effectLst/>
      </p:bgPr>
    </p:bg>
    <p:spTree>
      <p:nvGrpSpPr>
        <p:cNvPr id="1" name=""/>
        <p:cNvGrpSpPr/>
        <p:nvPr/>
      </p:nvGrpSpPr>
      <p:grpSpPr>
        <a:xfrm>
          <a:off x="0" y="0"/>
          <a:ext cx="0" cy="0"/>
          <a:chOff x="0" y="0"/>
          <a:chExt cx="0" cy="0"/>
        </a:xfrm>
      </p:grpSpPr>
      <p:sp>
        <p:nvSpPr>
          <p:cNvPr id="16" name="bg object 16"/>
          <p:cNvSpPr/>
          <p:nvPr/>
        </p:nvSpPr>
        <p:spPr>
          <a:xfrm>
            <a:off x="319264" y="6249147"/>
            <a:ext cx="701252" cy="195998"/>
          </a:xfrm>
          <a:custGeom>
            <a:avLst/>
            <a:gdLst/>
            <a:ahLst/>
            <a:cxnLst/>
            <a:rect l="l" t="t" r="r" b="b"/>
            <a:pathLst>
              <a:path w="1156335" h="323215">
                <a:moveTo>
                  <a:pt x="364210" y="162280"/>
                </a:moveTo>
                <a:lnTo>
                  <a:pt x="357657" y="116090"/>
                </a:lnTo>
                <a:lnTo>
                  <a:pt x="339217" y="76479"/>
                </a:lnTo>
                <a:lnTo>
                  <a:pt x="310642" y="44246"/>
                </a:lnTo>
                <a:lnTo>
                  <a:pt x="273748" y="20205"/>
                </a:lnTo>
                <a:lnTo>
                  <a:pt x="266890" y="17843"/>
                </a:lnTo>
                <a:lnTo>
                  <a:pt x="266890" y="161823"/>
                </a:lnTo>
                <a:lnTo>
                  <a:pt x="261048" y="198031"/>
                </a:lnTo>
                <a:lnTo>
                  <a:pt x="244233" y="227114"/>
                </a:lnTo>
                <a:lnTo>
                  <a:pt x="217551" y="246481"/>
                </a:lnTo>
                <a:lnTo>
                  <a:pt x="182105" y="253504"/>
                </a:lnTo>
                <a:lnTo>
                  <a:pt x="146634" y="246481"/>
                </a:lnTo>
                <a:lnTo>
                  <a:pt x="119951" y="227114"/>
                </a:lnTo>
                <a:lnTo>
                  <a:pt x="103136" y="198031"/>
                </a:lnTo>
                <a:lnTo>
                  <a:pt x="97282" y="161823"/>
                </a:lnTo>
                <a:lnTo>
                  <a:pt x="102768" y="126961"/>
                </a:lnTo>
                <a:lnTo>
                  <a:pt x="118986" y="97294"/>
                </a:lnTo>
                <a:lnTo>
                  <a:pt x="145554" y="76669"/>
                </a:lnTo>
                <a:lnTo>
                  <a:pt x="182105" y="68935"/>
                </a:lnTo>
                <a:lnTo>
                  <a:pt x="218643" y="76669"/>
                </a:lnTo>
                <a:lnTo>
                  <a:pt x="245198" y="97294"/>
                </a:lnTo>
                <a:lnTo>
                  <a:pt x="261404" y="126961"/>
                </a:lnTo>
                <a:lnTo>
                  <a:pt x="266890" y="161823"/>
                </a:lnTo>
                <a:lnTo>
                  <a:pt x="266890" y="17843"/>
                </a:lnTo>
                <a:lnTo>
                  <a:pt x="230289" y="5181"/>
                </a:lnTo>
                <a:lnTo>
                  <a:pt x="182079" y="0"/>
                </a:lnTo>
                <a:lnTo>
                  <a:pt x="133870" y="5181"/>
                </a:lnTo>
                <a:lnTo>
                  <a:pt x="90436" y="20205"/>
                </a:lnTo>
                <a:lnTo>
                  <a:pt x="53543" y="44246"/>
                </a:lnTo>
                <a:lnTo>
                  <a:pt x="24980" y="76479"/>
                </a:lnTo>
                <a:lnTo>
                  <a:pt x="6540" y="116090"/>
                </a:lnTo>
                <a:lnTo>
                  <a:pt x="0" y="162280"/>
                </a:lnTo>
                <a:lnTo>
                  <a:pt x="6515" y="209054"/>
                </a:lnTo>
                <a:lnTo>
                  <a:pt x="24879" y="248564"/>
                </a:lnTo>
                <a:lnTo>
                  <a:pt x="53378" y="280263"/>
                </a:lnTo>
                <a:lnTo>
                  <a:pt x="90233" y="303580"/>
                </a:lnTo>
                <a:lnTo>
                  <a:pt x="133718" y="317982"/>
                </a:lnTo>
                <a:lnTo>
                  <a:pt x="182079" y="322897"/>
                </a:lnTo>
                <a:lnTo>
                  <a:pt x="230441" y="317982"/>
                </a:lnTo>
                <a:lnTo>
                  <a:pt x="273939" y="303580"/>
                </a:lnTo>
                <a:lnTo>
                  <a:pt x="310807" y="280263"/>
                </a:lnTo>
                <a:lnTo>
                  <a:pt x="339305" y="248564"/>
                </a:lnTo>
                <a:lnTo>
                  <a:pt x="357695" y="209054"/>
                </a:lnTo>
                <a:lnTo>
                  <a:pt x="364210" y="162280"/>
                </a:lnTo>
                <a:close/>
              </a:path>
              <a:path w="1156335" h="323215">
                <a:moveTo>
                  <a:pt x="784174" y="162801"/>
                </a:moveTo>
                <a:lnTo>
                  <a:pt x="777290" y="116497"/>
                </a:lnTo>
                <a:lnTo>
                  <a:pt x="760361" y="85928"/>
                </a:lnTo>
                <a:lnTo>
                  <a:pt x="757516" y="80784"/>
                </a:lnTo>
                <a:lnTo>
                  <a:pt x="726224" y="54698"/>
                </a:lnTo>
                <a:lnTo>
                  <a:pt x="684733" y="37274"/>
                </a:lnTo>
                <a:lnTo>
                  <a:pt x="670699" y="34569"/>
                </a:lnTo>
                <a:lnTo>
                  <a:pt x="670699" y="168808"/>
                </a:lnTo>
                <a:lnTo>
                  <a:pt x="662673" y="204520"/>
                </a:lnTo>
                <a:lnTo>
                  <a:pt x="641184" y="230657"/>
                </a:lnTo>
                <a:lnTo>
                  <a:pt x="610108" y="246697"/>
                </a:lnTo>
                <a:lnTo>
                  <a:pt x="573316" y="252158"/>
                </a:lnTo>
                <a:lnTo>
                  <a:pt x="559676" y="252158"/>
                </a:lnTo>
                <a:lnTo>
                  <a:pt x="562203" y="251993"/>
                </a:lnTo>
                <a:lnTo>
                  <a:pt x="557491" y="251218"/>
                </a:lnTo>
                <a:lnTo>
                  <a:pt x="557491" y="87134"/>
                </a:lnTo>
                <a:lnTo>
                  <a:pt x="562038" y="86436"/>
                </a:lnTo>
                <a:lnTo>
                  <a:pt x="564730" y="86080"/>
                </a:lnTo>
                <a:lnTo>
                  <a:pt x="568350" y="85940"/>
                </a:lnTo>
                <a:lnTo>
                  <a:pt x="575741" y="85940"/>
                </a:lnTo>
                <a:lnTo>
                  <a:pt x="622820" y="92608"/>
                </a:lnTo>
                <a:lnTo>
                  <a:pt x="651903" y="110655"/>
                </a:lnTo>
                <a:lnTo>
                  <a:pt x="666623" y="137058"/>
                </a:lnTo>
                <a:lnTo>
                  <a:pt x="670699" y="168808"/>
                </a:lnTo>
                <a:lnTo>
                  <a:pt x="670699" y="34569"/>
                </a:lnTo>
                <a:lnTo>
                  <a:pt x="634415" y="27533"/>
                </a:lnTo>
                <a:lnTo>
                  <a:pt x="576592" y="24498"/>
                </a:lnTo>
                <a:lnTo>
                  <a:pt x="445909" y="25869"/>
                </a:lnTo>
                <a:lnTo>
                  <a:pt x="395922" y="25869"/>
                </a:lnTo>
                <a:lnTo>
                  <a:pt x="395922" y="74612"/>
                </a:lnTo>
                <a:lnTo>
                  <a:pt x="408254" y="76098"/>
                </a:lnTo>
                <a:lnTo>
                  <a:pt x="421259" y="77406"/>
                </a:lnTo>
                <a:lnTo>
                  <a:pt x="434835" y="78422"/>
                </a:lnTo>
                <a:lnTo>
                  <a:pt x="448932" y="79019"/>
                </a:lnTo>
                <a:lnTo>
                  <a:pt x="448932" y="260959"/>
                </a:lnTo>
                <a:lnTo>
                  <a:pt x="434835" y="261708"/>
                </a:lnTo>
                <a:lnTo>
                  <a:pt x="421259" y="262953"/>
                </a:lnTo>
                <a:lnTo>
                  <a:pt x="408254" y="264629"/>
                </a:lnTo>
                <a:lnTo>
                  <a:pt x="395922" y="266674"/>
                </a:lnTo>
                <a:lnTo>
                  <a:pt x="395922" y="312978"/>
                </a:lnTo>
                <a:lnTo>
                  <a:pt x="448932" y="312978"/>
                </a:lnTo>
                <a:lnTo>
                  <a:pt x="524967" y="315112"/>
                </a:lnTo>
                <a:lnTo>
                  <a:pt x="613905" y="312178"/>
                </a:lnTo>
                <a:lnTo>
                  <a:pt x="662724" y="302323"/>
                </a:lnTo>
                <a:lnTo>
                  <a:pt x="704392" y="286156"/>
                </a:lnTo>
                <a:lnTo>
                  <a:pt x="738136" y="263906"/>
                </a:lnTo>
                <a:lnTo>
                  <a:pt x="778802" y="202006"/>
                </a:lnTo>
                <a:lnTo>
                  <a:pt x="784174" y="162801"/>
                </a:lnTo>
                <a:close/>
              </a:path>
              <a:path w="1156335" h="323215">
                <a:moveTo>
                  <a:pt x="1156106" y="121005"/>
                </a:moveTo>
                <a:lnTo>
                  <a:pt x="1127429" y="59766"/>
                </a:lnTo>
                <a:lnTo>
                  <a:pt x="1092263" y="40284"/>
                </a:lnTo>
                <a:lnTo>
                  <a:pt x="1050455" y="30099"/>
                </a:lnTo>
                <a:lnTo>
                  <a:pt x="1050455" y="127533"/>
                </a:lnTo>
                <a:lnTo>
                  <a:pt x="1046073" y="145516"/>
                </a:lnTo>
                <a:lnTo>
                  <a:pt x="1034084" y="158572"/>
                </a:lnTo>
                <a:lnTo>
                  <a:pt x="1016190" y="166535"/>
                </a:lnTo>
                <a:lnTo>
                  <a:pt x="994092" y="169214"/>
                </a:lnTo>
                <a:lnTo>
                  <a:pt x="981544" y="169214"/>
                </a:lnTo>
                <a:lnTo>
                  <a:pt x="976439" y="168224"/>
                </a:lnTo>
                <a:lnTo>
                  <a:pt x="976439" y="87464"/>
                </a:lnTo>
                <a:lnTo>
                  <a:pt x="981837" y="86779"/>
                </a:lnTo>
                <a:lnTo>
                  <a:pt x="996378" y="86779"/>
                </a:lnTo>
                <a:lnTo>
                  <a:pt x="1022692" y="90284"/>
                </a:lnTo>
                <a:lnTo>
                  <a:pt x="1039291" y="99517"/>
                </a:lnTo>
                <a:lnTo>
                  <a:pt x="1047953" y="112572"/>
                </a:lnTo>
                <a:lnTo>
                  <a:pt x="1050455" y="127533"/>
                </a:lnTo>
                <a:lnTo>
                  <a:pt x="1050455" y="30099"/>
                </a:lnTo>
                <a:lnTo>
                  <a:pt x="1043813" y="28473"/>
                </a:lnTo>
                <a:lnTo>
                  <a:pt x="982522" y="24498"/>
                </a:lnTo>
                <a:lnTo>
                  <a:pt x="948093" y="24790"/>
                </a:lnTo>
                <a:lnTo>
                  <a:pt x="867486" y="26403"/>
                </a:lnTo>
                <a:lnTo>
                  <a:pt x="815898" y="26403"/>
                </a:lnTo>
                <a:lnTo>
                  <a:pt x="815898" y="75272"/>
                </a:lnTo>
                <a:lnTo>
                  <a:pt x="828446" y="76758"/>
                </a:lnTo>
                <a:lnTo>
                  <a:pt x="841375" y="78079"/>
                </a:lnTo>
                <a:lnTo>
                  <a:pt x="854659" y="79095"/>
                </a:lnTo>
                <a:lnTo>
                  <a:pt x="868324" y="79667"/>
                </a:lnTo>
                <a:lnTo>
                  <a:pt x="868324" y="262636"/>
                </a:lnTo>
                <a:lnTo>
                  <a:pt x="854659" y="263359"/>
                </a:lnTo>
                <a:lnTo>
                  <a:pt x="841375" y="264617"/>
                </a:lnTo>
                <a:lnTo>
                  <a:pt x="828446" y="266319"/>
                </a:lnTo>
                <a:lnTo>
                  <a:pt x="815898" y="268389"/>
                </a:lnTo>
                <a:lnTo>
                  <a:pt x="815898" y="315023"/>
                </a:lnTo>
                <a:lnTo>
                  <a:pt x="1029411" y="315023"/>
                </a:lnTo>
                <a:lnTo>
                  <a:pt x="1029411" y="268173"/>
                </a:lnTo>
                <a:lnTo>
                  <a:pt x="1016800" y="266115"/>
                </a:lnTo>
                <a:lnTo>
                  <a:pt x="1003795" y="264426"/>
                </a:lnTo>
                <a:lnTo>
                  <a:pt x="990358" y="263182"/>
                </a:lnTo>
                <a:lnTo>
                  <a:pt x="976439" y="262445"/>
                </a:lnTo>
                <a:lnTo>
                  <a:pt x="976439" y="226225"/>
                </a:lnTo>
                <a:lnTo>
                  <a:pt x="984542" y="226479"/>
                </a:lnTo>
                <a:lnTo>
                  <a:pt x="989203" y="226479"/>
                </a:lnTo>
                <a:lnTo>
                  <a:pt x="1049858" y="220865"/>
                </a:lnTo>
                <a:lnTo>
                  <a:pt x="1096657" y="205397"/>
                </a:lnTo>
                <a:lnTo>
                  <a:pt x="1129817" y="182206"/>
                </a:lnTo>
                <a:lnTo>
                  <a:pt x="1149565" y="153377"/>
                </a:lnTo>
                <a:lnTo>
                  <a:pt x="1156106" y="121005"/>
                </a:lnTo>
                <a:close/>
              </a:path>
            </a:pathLst>
          </a:custGeom>
          <a:solidFill>
            <a:srgbClr val="CF202E"/>
          </a:solidFill>
        </p:spPr>
        <p:txBody>
          <a:bodyPr wrap="square" lIns="0" tIns="0" rIns="0" bIns="0" rtlCol="0"/>
          <a:lstStyle/>
          <a:p>
            <a:endParaRPr sz="1091"/>
          </a:p>
        </p:txBody>
      </p:sp>
      <p:pic>
        <p:nvPicPr>
          <p:cNvPr id="17" name="bg object 17"/>
          <p:cNvPicPr/>
          <p:nvPr/>
        </p:nvPicPr>
        <p:blipFill>
          <a:blip r:embed="rId2" cstate="email">
            <a:extLst>
              <a:ext uri="{28A0092B-C50C-407E-A947-70E740481C1C}">
                <a14:useLocalDpi xmlns:a14="http://schemas.microsoft.com/office/drawing/2010/main"/>
              </a:ext>
            </a:extLst>
          </a:blip>
          <a:stretch>
            <a:fillRect/>
          </a:stretch>
        </p:blipFill>
        <p:spPr>
          <a:xfrm>
            <a:off x="319273" y="6486707"/>
            <a:ext cx="109889" cy="41520"/>
          </a:xfrm>
          <a:prstGeom prst="rect">
            <a:avLst/>
          </a:prstGeom>
        </p:spPr>
      </p:pic>
      <p:pic>
        <p:nvPicPr>
          <p:cNvPr id="18" name="bg object 18"/>
          <p:cNvPicPr/>
          <p:nvPr/>
        </p:nvPicPr>
        <p:blipFill>
          <a:blip r:embed="rId3" cstate="email">
            <a:extLst>
              <a:ext uri="{28A0092B-C50C-407E-A947-70E740481C1C}">
                <a14:useLocalDpi xmlns:a14="http://schemas.microsoft.com/office/drawing/2010/main"/>
              </a:ext>
            </a:extLst>
          </a:blip>
          <a:stretch>
            <a:fillRect/>
          </a:stretch>
        </p:blipFill>
        <p:spPr>
          <a:xfrm>
            <a:off x="451549" y="6485649"/>
            <a:ext cx="124842" cy="43628"/>
          </a:xfrm>
          <a:prstGeom prst="rect">
            <a:avLst/>
          </a:prstGeom>
        </p:spPr>
      </p:pic>
      <p:sp>
        <p:nvSpPr>
          <p:cNvPr id="19" name="bg object 19"/>
          <p:cNvSpPr/>
          <p:nvPr/>
        </p:nvSpPr>
        <p:spPr>
          <a:xfrm>
            <a:off x="598071" y="6485646"/>
            <a:ext cx="423216" cy="43898"/>
          </a:xfrm>
          <a:custGeom>
            <a:avLst/>
            <a:gdLst/>
            <a:ahLst/>
            <a:cxnLst/>
            <a:rect l="l" t="t" r="r" b="b"/>
            <a:pathLst>
              <a:path w="697864" h="72390">
                <a:moveTo>
                  <a:pt x="61696" y="59778"/>
                </a:moveTo>
                <a:lnTo>
                  <a:pt x="51638" y="52616"/>
                </a:lnTo>
                <a:lnTo>
                  <a:pt x="47777" y="57556"/>
                </a:lnTo>
                <a:lnTo>
                  <a:pt x="42735" y="60947"/>
                </a:lnTo>
                <a:lnTo>
                  <a:pt x="36271" y="60947"/>
                </a:lnTo>
                <a:lnTo>
                  <a:pt x="26517" y="58953"/>
                </a:lnTo>
                <a:lnTo>
                  <a:pt x="19113" y="53517"/>
                </a:lnTo>
                <a:lnTo>
                  <a:pt x="14414" y="45427"/>
                </a:lnTo>
                <a:lnTo>
                  <a:pt x="12776" y="35496"/>
                </a:lnTo>
                <a:lnTo>
                  <a:pt x="14478" y="25920"/>
                </a:lnTo>
                <a:lnTo>
                  <a:pt x="19265" y="18161"/>
                </a:lnTo>
                <a:lnTo>
                  <a:pt x="26682" y="12941"/>
                </a:lnTo>
                <a:lnTo>
                  <a:pt x="36271" y="11036"/>
                </a:lnTo>
                <a:lnTo>
                  <a:pt x="42265" y="11036"/>
                </a:lnTo>
                <a:lnTo>
                  <a:pt x="46723" y="13538"/>
                </a:lnTo>
                <a:lnTo>
                  <a:pt x="50673" y="17805"/>
                </a:lnTo>
                <a:lnTo>
                  <a:pt x="60147" y="10845"/>
                </a:lnTo>
                <a:lnTo>
                  <a:pt x="55041" y="6045"/>
                </a:lnTo>
                <a:lnTo>
                  <a:pt x="49403" y="2667"/>
                </a:lnTo>
                <a:lnTo>
                  <a:pt x="43129" y="660"/>
                </a:lnTo>
                <a:lnTo>
                  <a:pt x="36169" y="0"/>
                </a:lnTo>
                <a:lnTo>
                  <a:pt x="21297" y="2679"/>
                </a:lnTo>
                <a:lnTo>
                  <a:pt x="9893" y="10160"/>
                </a:lnTo>
                <a:lnTo>
                  <a:pt x="2578" y="21628"/>
                </a:lnTo>
                <a:lnTo>
                  <a:pt x="0" y="36271"/>
                </a:lnTo>
                <a:lnTo>
                  <a:pt x="2679" y="50825"/>
                </a:lnTo>
                <a:lnTo>
                  <a:pt x="10172" y="62090"/>
                </a:lnTo>
                <a:lnTo>
                  <a:pt x="21628" y="69380"/>
                </a:lnTo>
                <a:lnTo>
                  <a:pt x="36169" y="71958"/>
                </a:lnTo>
                <a:lnTo>
                  <a:pt x="43573" y="71221"/>
                </a:lnTo>
                <a:lnTo>
                  <a:pt x="50495" y="68986"/>
                </a:lnTo>
                <a:lnTo>
                  <a:pt x="56642" y="65189"/>
                </a:lnTo>
                <a:lnTo>
                  <a:pt x="61696" y="59778"/>
                </a:lnTo>
                <a:close/>
              </a:path>
              <a:path w="697864" h="72390">
                <a:moveTo>
                  <a:pt x="138785" y="35509"/>
                </a:moveTo>
                <a:lnTo>
                  <a:pt x="136283" y="21259"/>
                </a:lnTo>
                <a:lnTo>
                  <a:pt x="129705" y="11036"/>
                </a:lnTo>
                <a:lnTo>
                  <a:pt x="128993" y="9931"/>
                </a:lnTo>
                <a:lnTo>
                  <a:pt x="126098" y="8064"/>
                </a:lnTo>
                <a:lnTo>
                  <a:pt x="126098" y="35509"/>
                </a:lnTo>
                <a:lnTo>
                  <a:pt x="124485" y="45351"/>
                </a:lnTo>
                <a:lnTo>
                  <a:pt x="119849" y="53441"/>
                </a:lnTo>
                <a:lnTo>
                  <a:pt x="112433" y="58928"/>
                </a:lnTo>
                <a:lnTo>
                  <a:pt x="102501" y="60934"/>
                </a:lnTo>
                <a:lnTo>
                  <a:pt x="92608" y="58928"/>
                </a:lnTo>
                <a:lnTo>
                  <a:pt x="85229" y="53479"/>
                </a:lnTo>
                <a:lnTo>
                  <a:pt x="80606" y="45389"/>
                </a:lnTo>
                <a:lnTo>
                  <a:pt x="78994" y="35509"/>
                </a:lnTo>
                <a:lnTo>
                  <a:pt x="80695" y="25971"/>
                </a:lnTo>
                <a:lnTo>
                  <a:pt x="85483" y="18186"/>
                </a:lnTo>
                <a:lnTo>
                  <a:pt x="92875" y="12954"/>
                </a:lnTo>
                <a:lnTo>
                  <a:pt x="102400" y="11036"/>
                </a:lnTo>
                <a:lnTo>
                  <a:pt x="112014" y="12890"/>
                </a:lnTo>
                <a:lnTo>
                  <a:pt x="119507" y="18008"/>
                </a:lnTo>
                <a:lnTo>
                  <a:pt x="124358" y="25768"/>
                </a:lnTo>
                <a:lnTo>
                  <a:pt x="126098" y="35509"/>
                </a:lnTo>
                <a:lnTo>
                  <a:pt x="126098" y="8064"/>
                </a:lnTo>
                <a:lnTo>
                  <a:pt x="117640" y="2603"/>
                </a:lnTo>
                <a:lnTo>
                  <a:pt x="102882" y="12"/>
                </a:lnTo>
                <a:lnTo>
                  <a:pt x="87071" y="2908"/>
                </a:lnTo>
                <a:lnTo>
                  <a:pt x="75603" y="10744"/>
                </a:lnTo>
                <a:lnTo>
                  <a:pt x="68592" y="22288"/>
                </a:lnTo>
                <a:lnTo>
                  <a:pt x="66230" y="36283"/>
                </a:lnTo>
                <a:lnTo>
                  <a:pt x="68884" y="50787"/>
                </a:lnTo>
                <a:lnTo>
                  <a:pt x="76314" y="62064"/>
                </a:lnTo>
                <a:lnTo>
                  <a:pt x="87693" y="69354"/>
                </a:lnTo>
                <a:lnTo>
                  <a:pt x="102209" y="71958"/>
                </a:lnTo>
                <a:lnTo>
                  <a:pt x="116827" y="69342"/>
                </a:lnTo>
                <a:lnTo>
                  <a:pt x="128435" y="61976"/>
                </a:lnTo>
                <a:lnTo>
                  <a:pt x="129133" y="60934"/>
                </a:lnTo>
                <a:lnTo>
                  <a:pt x="136093" y="50584"/>
                </a:lnTo>
                <a:lnTo>
                  <a:pt x="138785" y="36283"/>
                </a:lnTo>
                <a:lnTo>
                  <a:pt x="138785" y="35509"/>
                </a:lnTo>
                <a:close/>
              </a:path>
              <a:path w="697864" h="72390">
                <a:moveTo>
                  <a:pt x="202082" y="70218"/>
                </a:moveTo>
                <a:lnTo>
                  <a:pt x="184658" y="41198"/>
                </a:lnTo>
                <a:lnTo>
                  <a:pt x="183908" y="39954"/>
                </a:lnTo>
                <a:lnTo>
                  <a:pt x="193573" y="38582"/>
                </a:lnTo>
                <a:lnTo>
                  <a:pt x="199771" y="31635"/>
                </a:lnTo>
                <a:lnTo>
                  <a:pt x="199771" y="30759"/>
                </a:lnTo>
                <a:lnTo>
                  <a:pt x="199771" y="21386"/>
                </a:lnTo>
                <a:lnTo>
                  <a:pt x="197739" y="12192"/>
                </a:lnTo>
                <a:lnTo>
                  <a:pt x="197688" y="12001"/>
                </a:lnTo>
                <a:lnTo>
                  <a:pt x="192125" y="5956"/>
                </a:lnTo>
                <a:lnTo>
                  <a:pt x="186994" y="3886"/>
                </a:lnTo>
                <a:lnTo>
                  <a:pt x="186994" y="13449"/>
                </a:lnTo>
                <a:lnTo>
                  <a:pt x="186994" y="29794"/>
                </a:lnTo>
                <a:lnTo>
                  <a:pt x="179654" y="30759"/>
                </a:lnTo>
                <a:lnTo>
                  <a:pt x="162636" y="30759"/>
                </a:lnTo>
                <a:lnTo>
                  <a:pt x="162636" y="12192"/>
                </a:lnTo>
                <a:lnTo>
                  <a:pt x="179946" y="12192"/>
                </a:lnTo>
                <a:lnTo>
                  <a:pt x="186994" y="13449"/>
                </a:lnTo>
                <a:lnTo>
                  <a:pt x="186994" y="3886"/>
                </a:lnTo>
                <a:lnTo>
                  <a:pt x="184099" y="2717"/>
                </a:lnTo>
                <a:lnTo>
                  <a:pt x="174625" y="1752"/>
                </a:lnTo>
                <a:lnTo>
                  <a:pt x="150431" y="1752"/>
                </a:lnTo>
                <a:lnTo>
                  <a:pt x="150431" y="70218"/>
                </a:lnTo>
                <a:lnTo>
                  <a:pt x="162636" y="70218"/>
                </a:lnTo>
                <a:lnTo>
                  <a:pt x="162636" y="41198"/>
                </a:lnTo>
                <a:lnTo>
                  <a:pt x="171538" y="41198"/>
                </a:lnTo>
                <a:lnTo>
                  <a:pt x="187388" y="70218"/>
                </a:lnTo>
                <a:lnTo>
                  <a:pt x="202082" y="70218"/>
                </a:lnTo>
                <a:close/>
              </a:path>
              <a:path w="697864" h="72390">
                <a:moveTo>
                  <a:pt x="259613" y="21386"/>
                </a:moveTo>
                <a:lnTo>
                  <a:pt x="257263" y="12192"/>
                </a:lnTo>
                <a:lnTo>
                  <a:pt x="256984" y="11099"/>
                </a:lnTo>
                <a:lnTo>
                  <a:pt x="250532" y="5156"/>
                </a:lnTo>
                <a:lnTo>
                  <a:pt x="246837" y="3911"/>
                </a:lnTo>
                <a:lnTo>
                  <a:pt x="246837" y="15290"/>
                </a:lnTo>
                <a:lnTo>
                  <a:pt x="246837" y="30670"/>
                </a:lnTo>
                <a:lnTo>
                  <a:pt x="238633" y="31445"/>
                </a:lnTo>
                <a:lnTo>
                  <a:pt x="223532" y="31445"/>
                </a:lnTo>
                <a:lnTo>
                  <a:pt x="223532" y="12192"/>
                </a:lnTo>
                <a:lnTo>
                  <a:pt x="242100" y="12192"/>
                </a:lnTo>
                <a:lnTo>
                  <a:pt x="246837" y="15290"/>
                </a:lnTo>
                <a:lnTo>
                  <a:pt x="246837" y="3911"/>
                </a:lnTo>
                <a:lnTo>
                  <a:pt x="242430" y="2413"/>
                </a:lnTo>
                <a:lnTo>
                  <a:pt x="234861" y="1752"/>
                </a:lnTo>
                <a:lnTo>
                  <a:pt x="211353" y="1752"/>
                </a:lnTo>
                <a:lnTo>
                  <a:pt x="211353" y="70218"/>
                </a:lnTo>
                <a:lnTo>
                  <a:pt x="223532" y="70218"/>
                </a:lnTo>
                <a:lnTo>
                  <a:pt x="223532" y="41884"/>
                </a:lnTo>
                <a:lnTo>
                  <a:pt x="232918" y="41884"/>
                </a:lnTo>
                <a:lnTo>
                  <a:pt x="244805" y="40690"/>
                </a:lnTo>
                <a:lnTo>
                  <a:pt x="253123" y="36995"/>
                </a:lnTo>
                <a:lnTo>
                  <a:pt x="257378" y="31445"/>
                </a:lnTo>
                <a:lnTo>
                  <a:pt x="258013" y="30619"/>
                </a:lnTo>
                <a:lnTo>
                  <a:pt x="259613" y="21386"/>
                </a:lnTo>
                <a:close/>
              </a:path>
              <a:path w="697864" h="72390">
                <a:moveTo>
                  <a:pt x="339305" y="35509"/>
                </a:moveTo>
                <a:lnTo>
                  <a:pt x="336804" y="21259"/>
                </a:lnTo>
                <a:lnTo>
                  <a:pt x="330225" y="11036"/>
                </a:lnTo>
                <a:lnTo>
                  <a:pt x="329514" y="9931"/>
                </a:lnTo>
                <a:lnTo>
                  <a:pt x="326618" y="8064"/>
                </a:lnTo>
                <a:lnTo>
                  <a:pt x="326618" y="35509"/>
                </a:lnTo>
                <a:lnTo>
                  <a:pt x="325005" y="45351"/>
                </a:lnTo>
                <a:lnTo>
                  <a:pt x="320357" y="53441"/>
                </a:lnTo>
                <a:lnTo>
                  <a:pt x="312940" y="58928"/>
                </a:lnTo>
                <a:lnTo>
                  <a:pt x="303022" y="60934"/>
                </a:lnTo>
                <a:lnTo>
                  <a:pt x="293128" y="58928"/>
                </a:lnTo>
                <a:lnTo>
                  <a:pt x="285750" y="53479"/>
                </a:lnTo>
                <a:lnTo>
                  <a:pt x="281114" y="45389"/>
                </a:lnTo>
                <a:lnTo>
                  <a:pt x="279514" y="35509"/>
                </a:lnTo>
                <a:lnTo>
                  <a:pt x="281216" y="25971"/>
                </a:lnTo>
                <a:lnTo>
                  <a:pt x="285991" y="18186"/>
                </a:lnTo>
                <a:lnTo>
                  <a:pt x="293382" y="12954"/>
                </a:lnTo>
                <a:lnTo>
                  <a:pt x="302920" y="11036"/>
                </a:lnTo>
                <a:lnTo>
                  <a:pt x="312534" y="12890"/>
                </a:lnTo>
                <a:lnTo>
                  <a:pt x="320027" y="18008"/>
                </a:lnTo>
                <a:lnTo>
                  <a:pt x="324878" y="25768"/>
                </a:lnTo>
                <a:lnTo>
                  <a:pt x="326618" y="35509"/>
                </a:lnTo>
                <a:lnTo>
                  <a:pt x="326618" y="8064"/>
                </a:lnTo>
                <a:lnTo>
                  <a:pt x="318160" y="2603"/>
                </a:lnTo>
                <a:lnTo>
                  <a:pt x="303403" y="12"/>
                </a:lnTo>
                <a:lnTo>
                  <a:pt x="287591" y="2908"/>
                </a:lnTo>
                <a:lnTo>
                  <a:pt x="276123" y="10744"/>
                </a:lnTo>
                <a:lnTo>
                  <a:pt x="269113" y="22288"/>
                </a:lnTo>
                <a:lnTo>
                  <a:pt x="266750" y="36283"/>
                </a:lnTo>
                <a:lnTo>
                  <a:pt x="269405" y="50787"/>
                </a:lnTo>
                <a:lnTo>
                  <a:pt x="276834" y="62064"/>
                </a:lnTo>
                <a:lnTo>
                  <a:pt x="288213" y="69354"/>
                </a:lnTo>
                <a:lnTo>
                  <a:pt x="302729" y="71958"/>
                </a:lnTo>
                <a:lnTo>
                  <a:pt x="317347" y="69342"/>
                </a:lnTo>
                <a:lnTo>
                  <a:pt x="328955" y="61976"/>
                </a:lnTo>
                <a:lnTo>
                  <a:pt x="329653" y="60934"/>
                </a:lnTo>
                <a:lnTo>
                  <a:pt x="336613" y="50584"/>
                </a:lnTo>
                <a:lnTo>
                  <a:pt x="339305" y="36283"/>
                </a:lnTo>
                <a:lnTo>
                  <a:pt x="339305" y="35509"/>
                </a:lnTo>
                <a:close/>
              </a:path>
              <a:path w="697864" h="72390">
                <a:moveTo>
                  <a:pt x="402602" y="70218"/>
                </a:moveTo>
                <a:lnTo>
                  <a:pt x="385178" y="41198"/>
                </a:lnTo>
                <a:lnTo>
                  <a:pt x="384429" y="39954"/>
                </a:lnTo>
                <a:lnTo>
                  <a:pt x="394093" y="38582"/>
                </a:lnTo>
                <a:lnTo>
                  <a:pt x="400291" y="31635"/>
                </a:lnTo>
                <a:lnTo>
                  <a:pt x="400291" y="30759"/>
                </a:lnTo>
                <a:lnTo>
                  <a:pt x="400291" y="21386"/>
                </a:lnTo>
                <a:lnTo>
                  <a:pt x="398259" y="12192"/>
                </a:lnTo>
                <a:lnTo>
                  <a:pt x="398208" y="12001"/>
                </a:lnTo>
                <a:lnTo>
                  <a:pt x="392645" y="5956"/>
                </a:lnTo>
                <a:lnTo>
                  <a:pt x="387515" y="3886"/>
                </a:lnTo>
                <a:lnTo>
                  <a:pt x="387515" y="13449"/>
                </a:lnTo>
                <a:lnTo>
                  <a:pt x="387515" y="29794"/>
                </a:lnTo>
                <a:lnTo>
                  <a:pt x="380174" y="30759"/>
                </a:lnTo>
                <a:lnTo>
                  <a:pt x="363156" y="30759"/>
                </a:lnTo>
                <a:lnTo>
                  <a:pt x="363156" y="12192"/>
                </a:lnTo>
                <a:lnTo>
                  <a:pt x="380466" y="12192"/>
                </a:lnTo>
                <a:lnTo>
                  <a:pt x="387515" y="13449"/>
                </a:lnTo>
                <a:lnTo>
                  <a:pt x="387515" y="3886"/>
                </a:lnTo>
                <a:lnTo>
                  <a:pt x="384619" y="2717"/>
                </a:lnTo>
                <a:lnTo>
                  <a:pt x="375145" y="1752"/>
                </a:lnTo>
                <a:lnTo>
                  <a:pt x="350951" y="1752"/>
                </a:lnTo>
                <a:lnTo>
                  <a:pt x="350951" y="70218"/>
                </a:lnTo>
                <a:lnTo>
                  <a:pt x="363156" y="70218"/>
                </a:lnTo>
                <a:lnTo>
                  <a:pt x="363156" y="41198"/>
                </a:lnTo>
                <a:lnTo>
                  <a:pt x="372059" y="41198"/>
                </a:lnTo>
                <a:lnTo>
                  <a:pt x="387908" y="70218"/>
                </a:lnTo>
                <a:lnTo>
                  <a:pt x="402602" y="70218"/>
                </a:lnTo>
                <a:close/>
              </a:path>
              <a:path w="697864" h="72390">
                <a:moveTo>
                  <a:pt x="474065" y="70218"/>
                </a:moveTo>
                <a:lnTo>
                  <a:pt x="467309" y="54546"/>
                </a:lnTo>
                <a:lnTo>
                  <a:pt x="462813" y="44107"/>
                </a:lnTo>
                <a:lnTo>
                  <a:pt x="450811" y="16243"/>
                </a:lnTo>
                <a:lnTo>
                  <a:pt x="449491" y="13182"/>
                </a:lnTo>
                <a:lnTo>
                  <a:pt x="449491" y="44107"/>
                </a:lnTo>
                <a:lnTo>
                  <a:pt x="428218" y="44107"/>
                </a:lnTo>
                <a:lnTo>
                  <a:pt x="438962" y="16243"/>
                </a:lnTo>
                <a:lnTo>
                  <a:pt x="449491" y="44107"/>
                </a:lnTo>
                <a:lnTo>
                  <a:pt x="449491" y="13182"/>
                </a:lnTo>
                <a:lnTo>
                  <a:pt x="444563" y="1752"/>
                </a:lnTo>
                <a:lnTo>
                  <a:pt x="434022" y="1752"/>
                </a:lnTo>
                <a:lnTo>
                  <a:pt x="404228" y="70218"/>
                </a:lnTo>
                <a:lnTo>
                  <a:pt x="417868" y="70218"/>
                </a:lnTo>
                <a:lnTo>
                  <a:pt x="424065" y="54546"/>
                </a:lnTo>
                <a:lnTo>
                  <a:pt x="453745" y="54546"/>
                </a:lnTo>
                <a:lnTo>
                  <a:pt x="460133" y="70218"/>
                </a:lnTo>
                <a:lnTo>
                  <a:pt x="474065" y="70218"/>
                </a:lnTo>
                <a:close/>
              </a:path>
              <a:path w="697864" h="72390">
                <a:moveTo>
                  <a:pt x="519976" y="1752"/>
                </a:moveTo>
                <a:lnTo>
                  <a:pt x="465823" y="1752"/>
                </a:lnTo>
                <a:lnTo>
                  <a:pt x="465823" y="12776"/>
                </a:lnTo>
                <a:lnTo>
                  <a:pt x="486816" y="12776"/>
                </a:lnTo>
                <a:lnTo>
                  <a:pt x="486816" y="70218"/>
                </a:lnTo>
                <a:lnTo>
                  <a:pt x="498995" y="70218"/>
                </a:lnTo>
                <a:lnTo>
                  <a:pt x="498995" y="12776"/>
                </a:lnTo>
                <a:lnTo>
                  <a:pt x="519976" y="12776"/>
                </a:lnTo>
                <a:lnTo>
                  <a:pt x="519976" y="1752"/>
                </a:lnTo>
                <a:close/>
              </a:path>
              <a:path w="697864" h="72390">
                <a:moveTo>
                  <a:pt x="540169" y="1752"/>
                </a:moveTo>
                <a:lnTo>
                  <a:pt x="527989" y="1752"/>
                </a:lnTo>
                <a:lnTo>
                  <a:pt x="527989" y="70218"/>
                </a:lnTo>
                <a:lnTo>
                  <a:pt x="540169" y="70218"/>
                </a:lnTo>
                <a:lnTo>
                  <a:pt x="540169" y="1752"/>
                </a:lnTo>
                <a:close/>
              </a:path>
              <a:path w="697864" h="72390">
                <a:moveTo>
                  <a:pt x="624052" y="35509"/>
                </a:moveTo>
                <a:lnTo>
                  <a:pt x="621550" y="21259"/>
                </a:lnTo>
                <a:lnTo>
                  <a:pt x="614959" y="11036"/>
                </a:lnTo>
                <a:lnTo>
                  <a:pt x="614248" y="9931"/>
                </a:lnTo>
                <a:lnTo>
                  <a:pt x="611352" y="8064"/>
                </a:lnTo>
                <a:lnTo>
                  <a:pt x="611352" y="35509"/>
                </a:lnTo>
                <a:lnTo>
                  <a:pt x="609739" y="45351"/>
                </a:lnTo>
                <a:lnTo>
                  <a:pt x="605091" y="53441"/>
                </a:lnTo>
                <a:lnTo>
                  <a:pt x="597674" y="58928"/>
                </a:lnTo>
                <a:lnTo>
                  <a:pt x="587756" y="60934"/>
                </a:lnTo>
                <a:lnTo>
                  <a:pt x="577862" y="58928"/>
                </a:lnTo>
                <a:lnTo>
                  <a:pt x="570484" y="53479"/>
                </a:lnTo>
                <a:lnTo>
                  <a:pt x="565861" y="45389"/>
                </a:lnTo>
                <a:lnTo>
                  <a:pt x="564248" y="35509"/>
                </a:lnTo>
                <a:lnTo>
                  <a:pt x="565950" y="25971"/>
                </a:lnTo>
                <a:lnTo>
                  <a:pt x="570725" y="18186"/>
                </a:lnTo>
                <a:lnTo>
                  <a:pt x="578116" y="12954"/>
                </a:lnTo>
                <a:lnTo>
                  <a:pt x="587654" y="11036"/>
                </a:lnTo>
                <a:lnTo>
                  <a:pt x="597268" y="12890"/>
                </a:lnTo>
                <a:lnTo>
                  <a:pt x="604761" y="18008"/>
                </a:lnTo>
                <a:lnTo>
                  <a:pt x="609612" y="25768"/>
                </a:lnTo>
                <a:lnTo>
                  <a:pt x="611352" y="35509"/>
                </a:lnTo>
                <a:lnTo>
                  <a:pt x="611352" y="8064"/>
                </a:lnTo>
                <a:lnTo>
                  <a:pt x="602894" y="2603"/>
                </a:lnTo>
                <a:lnTo>
                  <a:pt x="588137" y="12"/>
                </a:lnTo>
                <a:lnTo>
                  <a:pt x="572325" y="2908"/>
                </a:lnTo>
                <a:lnTo>
                  <a:pt x="560857" y="10744"/>
                </a:lnTo>
                <a:lnTo>
                  <a:pt x="553847" y="22288"/>
                </a:lnTo>
                <a:lnTo>
                  <a:pt x="551484" y="36283"/>
                </a:lnTo>
                <a:lnTo>
                  <a:pt x="554139" y="50787"/>
                </a:lnTo>
                <a:lnTo>
                  <a:pt x="561568" y="62064"/>
                </a:lnTo>
                <a:lnTo>
                  <a:pt x="572947" y="69354"/>
                </a:lnTo>
                <a:lnTo>
                  <a:pt x="587463" y="71958"/>
                </a:lnTo>
                <a:lnTo>
                  <a:pt x="602081" y="69342"/>
                </a:lnTo>
                <a:lnTo>
                  <a:pt x="613702" y="61976"/>
                </a:lnTo>
                <a:lnTo>
                  <a:pt x="614387" y="60934"/>
                </a:lnTo>
                <a:lnTo>
                  <a:pt x="621360" y="50584"/>
                </a:lnTo>
                <a:lnTo>
                  <a:pt x="624052" y="36283"/>
                </a:lnTo>
                <a:lnTo>
                  <a:pt x="624052" y="35509"/>
                </a:lnTo>
                <a:close/>
              </a:path>
              <a:path w="697864" h="72390">
                <a:moveTo>
                  <a:pt x="697395" y="1752"/>
                </a:moveTo>
                <a:lnTo>
                  <a:pt x="685215" y="1752"/>
                </a:lnTo>
                <a:lnTo>
                  <a:pt x="685215" y="52616"/>
                </a:lnTo>
                <a:lnTo>
                  <a:pt x="685025" y="52616"/>
                </a:lnTo>
                <a:lnTo>
                  <a:pt x="651852" y="1752"/>
                </a:lnTo>
                <a:lnTo>
                  <a:pt x="635698" y="1752"/>
                </a:lnTo>
                <a:lnTo>
                  <a:pt x="635698" y="70218"/>
                </a:lnTo>
                <a:lnTo>
                  <a:pt x="647877" y="70218"/>
                </a:lnTo>
                <a:lnTo>
                  <a:pt x="647877" y="17703"/>
                </a:lnTo>
                <a:lnTo>
                  <a:pt x="648081" y="17703"/>
                </a:lnTo>
                <a:lnTo>
                  <a:pt x="681926" y="70218"/>
                </a:lnTo>
                <a:lnTo>
                  <a:pt x="697395" y="70218"/>
                </a:lnTo>
                <a:lnTo>
                  <a:pt x="697395" y="1752"/>
                </a:lnTo>
                <a:close/>
              </a:path>
            </a:pathLst>
          </a:custGeom>
          <a:solidFill>
            <a:srgbClr val="CF202E"/>
          </a:solidFill>
        </p:spPr>
        <p:txBody>
          <a:bodyPr wrap="square" lIns="0" tIns="0" rIns="0" bIns="0" rtlCol="0"/>
          <a:lstStyle/>
          <a:p>
            <a:endParaRPr sz="1091"/>
          </a:p>
        </p:txBody>
      </p:sp>
      <p:sp>
        <p:nvSpPr>
          <p:cNvPr id="9" name="object 3">
            <a:extLst>
              <a:ext uri="{FF2B5EF4-FFF2-40B4-BE49-F238E27FC236}">
                <a16:creationId xmlns:a16="http://schemas.microsoft.com/office/drawing/2014/main" id="{8AC0E22B-7683-BD4F-AF35-B14A1B678CDB}"/>
              </a:ext>
            </a:extLst>
          </p:cNvPr>
          <p:cNvSpPr/>
          <p:nvPr/>
        </p:nvSpPr>
        <p:spPr>
          <a:xfrm>
            <a:off x="0" y="0"/>
            <a:ext cx="12192000" cy="6869622"/>
          </a:xfrm>
          <a:custGeom>
            <a:avLst/>
            <a:gdLst/>
            <a:ahLst/>
            <a:cxnLst/>
            <a:rect l="l" t="t" r="r" b="b"/>
            <a:pathLst>
              <a:path w="20072985" h="11308715">
                <a:moveTo>
                  <a:pt x="20072687" y="0"/>
                </a:moveTo>
                <a:lnTo>
                  <a:pt x="0" y="0"/>
                </a:lnTo>
                <a:lnTo>
                  <a:pt x="0" y="11308556"/>
                </a:lnTo>
                <a:lnTo>
                  <a:pt x="20072687" y="11308556"/>
                </a:lnTo>
                <a:lnTo>
                  <a:pt x="20072687" y="0"/>
                </a:lnTo>
                <a:close/>
              </a:path>
            </a:pathLst>
          </a:custGeom>
          <a:solidFill>
            <a:srgbClr val="000000"/>
          </a:solidFill>
        </p:spPr>
        <p:txBody>
          <a:bodyPr wrap="square" lIns="0" tIns="0" rIns="0" bIns="0" rtlCol="0"/>
          <a:lstStyle/>
          <a:p>
            <a:endParaRPr sz="700"/>
          </a:p>
        </p:txBody>
      </p:sp>
      <p:pic>
        <p:nvPicPr>
          <p:cNvPr id="3" name="Picture 2" descr="A group of people looking at a computer&#10;&#10;Description automatically generated with low confidence">
            <a:extLst>
              <a:ext uri="{FF2B5EF4-FFF2-40B4-BE49-F238E27FC236}">
                <a16:creationId xmlns:a16="http://schemas.microsoft.com/office/drawing/2014/main" id="{B728BEF3-A87B-B640-A5A7-DD99DC949D4E}"/>
              </a:ext>
            </a:extLst>
          </p:cNvPr>
          <p:cNvPicPr>
            <a:picLocks noChangeAspect="1"/>
          </p:cNvPicPr>
          <p:nvPr userDrawn="1"/>
        </p:nvPicPr>
        <p:blipFill rotWithShape="1">
          <a:blip r:embed="rId4" cstate="email">
            <a:alphaModFix amt="74000"/>
            <a:extLst>
              <a:ext uri="{28A0092B-C50C-407E-A947-70E740481C1C}">
                <a14:useLocalDpi xmlns:a14="http://schemas.microsoft.com/office/drawing/2010/main"/>
              </a:ext>
            </a:extLst>
          </a:blip>
          <a:srcRect/>
          <a:stretch/>
        </p:blipFill>
        <p:spPr>
          <a:xfrm>
            <a:off x="0" y="-1"/>
            <a:ext cx="12192000" cy="6858001"/>
          </a:xfrm>
          <a:prstGeom prst="rect">
            <a:avLst/>
          </a:prstGeom>
        </p:spPr>
      </p:pic>
      <p:sp>
        <p:nvSpPr>
          <p:cNvPr id="20" name="Title 1">
            <a:extLst>
              <a:ext uri="{FF2B5EF4-FFF2-40B4-BE49-F238E27FC236}">
                <a16:creationId xmlns:a16="http://schemas.microsoft.com/office/drawing/2014/main" id="{8532A691-13B5-D946-A65F-48547A263C16}"/>
              </a:ext>
            </a:extLst>
          </p:cNvPr>
          <p:cNvSpPr>
            <a:spLocks noGrp="1"/>
          </p:cNvSpPr>
          <p:nvPr>
            <p:ph type="title"/>
          </p:nvPr>
        </p:nvSpPr>
        <p:spPr>
          <a:xfrm>
            <a:off x="572219" y="3224214"/>
            <a:ext cx="10515600" cy="763587"/>
          </a:xfrm>
        </p:spPr>
        <p:txBody>
          <a:bodyPr anchor="t" anchorCtr="0"/>
          <a:lstStyle>
            <a:lvl1pPr>
              <a:defRPr sz="4999">
                <a:solidFill>
                  <a:schemeClr val="bg1"/>
                </a:solidFill>
              </a:defRPr>
            </a:lvl1pPr>
          </a:lstStyle>
          <a:p>
            <a:r>
              <a:rPr lang="en-US"/>
              <a:t>Click to edit Master title style</a:t>
            </a:r>
          </a:p>
        </p:txBody>
      </p:sp>
    </p:spTree>
    <p:extLst>
      <p:ext uri="{BB962C8B-B14F-4D97-AF65-F5344CB8AC3E}">
        <p14:creationId xmlns:p14="http://schemas.microsoft.com/office/powerpoint/2010/main" val="1419157803"/>
      </p:ext>
    </p:extLst>
  </p:cSld>
  <p:clrMapOvr>
    <a:masterClrMapping/>
  </p:clrMapOvr>
  <p:transition>
    <p:fade/>
  </p:transition>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6_Title and Content">
    <p:bg>
      <p:bgPr>
        <a:solidFill>
          <a:schemeClr val="bg1"/>
        </a:solidFill>
        <a:effectLst/>
      </p:bgPr>
    </p:bg>
    <p:spTree>
      <p:nvGrpSpPr>
        <p:cNvPr id="1" name=""/>
        <p:cNvGrpSpPr/>
        <p:nvPr/>
      </p:nvGrpSpPr>
      <p:grpSpPr>
        <a:xfrm>
          <a:off x="0" y="0"/>
          <a:ext cx="0" cy="0"/>
          <a:chOff x="0" y="0"/>
          <a:chExt cx="0" cy="0"/>
        </a:xfrm>
      </p:grpSpPr>
      <p:sp>
        <p:nvSpPr>
          <p:cNvPr id="9" name="object 3">
            <a:extLst>
              <a:ext uri="{FF2B5EF4-FFF2-40B4-BE49-F238E27FC236}">
                <a16:creationId xmlns:a16="http://schemas.microsoft.com/office/drawing/2014/main" id="{8AC0E22B-7683-BD4F-AF35-B14A1B678CDB}"/>
              </a:ext>
            </a:extLst>
          </p:cNvPr>
          <p:cNvSpPr/>
          <p:nvPr/>
        </p:nvSpPr>
        <p:spPr>
          <a:xfrm>
            <a:off x="0" y="0"/>
            <a:ext cx="12192000" cy="6869622"/>
          </a:xfrm>
          <a:custGeom>
            <a:avLst/>
            <a:gdLst/>
            <a:ahLst/>
            <a:cxnLst/>
            <a:rect l="l" t="t" r="r" b="b"/>
            <a:pathLst>
              <a:path w="20072985" h="11308715">
                <a:moveTo>
                  <a:pt x="20072687" y="0"/>
                </a:moveTo>
                <a:lnTo>
                  <a:pt x="0" y="0"/>
                </a:lnTo>
                <a:lnTo>
                  <a:pt x="0" y="11308556"/>
                </a:lnTo>
                <a:lnTo>
                  <a:pt x="20072687" y="11308556"/>
                </a:lnTo>
                <a:lnTo>
                  <a:pt x="20072687" y="0"/>
                </a:lnTo>
                <a:close/>
              </a:path>
            </a:pathLst>
          </a:custGeom>
          <a:solidFill>
            <a:srgbClr val="000000"/>
          </a:solidFill>
        </p:spPr>
        <p:txBody>
          <a:bodyPr wrap="square" lIns="0" tIns="0" rIns="0" bIns="0" rtlCol="0"/>
          <a:lstStyle/>
          <a:p>
            <a:endParaRPr sz="700"/>
          </a:p>
        </p:txBody>
      </p:sp>
      <p:pic>
        <p:nvPicPr>
          <p:cNvPr id="3" name="Picture 2" descr="A person wearing a headset&#10;&#10;Description automatically generated with medium confidence">
            <a:extLst>
              <a:ext uri="{FF2B5EF4-FFF2-40B4-BE49-F238E27FC236}">
                <a16:creationId xmlns:a16="http://schemas.microsoft.com/office/drawing/2014/main" id="{01502F7E-7E03-D646-BE66-847D10429744}"/>
              </a:ext>
            </a:extLst>
          </p:cNvPr>
          <p:cNvPicPr>
            <a:picLocks noChangeAspect="1"/>
          </p:cNvPicPr>
          <p:nvPr userDrawn="1"/>
        </p:nvPicPr>
        <p:blipFill rotWithShape="1">
          <a:blip r:embed="rId2" cstate="email">
            <a:alphaModFix amt="66000"/>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20" name="Title 1">
            <a:extLst>
              <a:ext uri="{FF2B5EF4-FFF2-40B4-BE49-F238E27FC236}">
                <a16:creationId xmlns:a16="http://schemas.microsoft.com/office/drawing/2014/main" id="{8532A691-13B5-D946-A65F-48547A263C16}"/>
              </a:ext>
            </a:extLst>
          </p:cNvPr>
          <p:cNvSpPr>
            <a:spLocks noGrp="1"/>
          </p:cNvSpPr>
          <p:nvPr>
            <p:ph type="title"/>
          </p:nvPr>
        </p:nvSpPr>
        <p:spPr>
          <a:xfrm>
            <a:off x="572219" y="3224214"/>
            <a:ext cx="10515600" cy="763587"/>
          </a:xfrm>
        </p:spPr>
        <p:txBody>
          <a:bodyPr anchor="t" anchorCtr="0"/>
          <a:lstStyle>
            <a:lvl1pPr>
              <a:defRPr sz="4999">
                <a:solidFill>
                  <a:schemeClr val="bg1"/>
                </a:solidFill>
              </a:defRPr>
            </a:lvl1pPr>
          </a:lstStyle>
          <a:p>
            <a:r>
              <a:rPr lang="en-US"/>
              <a:t>Click to edit Master title style</a:t>
            </a:r>
          </a:p>
        </p:txBody>
      </p:sp>
    </p:spTree>
    <p:extLst>
      <p:ext uri="{BB962C8B-B14F-4D97-AF65-F5344CB8AC3E}">
        <p14:creationId xmlns:p14="http://schemas.microsoft.com/office/powerpoint/2010/main" val="2586515051"/>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type="secHead" preserve="1">
  <p:cSld name="Section Header - Turquoise">
    <p:bg>
      <p:bgPr>
        <a:solidFill>
          <a:schemeClr val="accent4"/>
        </a:solidFill>
        <a:effectLst/>
      </p:bgPr>
    </p:bg>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A0551808-EAC1-564D-938E-D0239859749B}"/>
              </a:ext>
            </a:extLst>
          </p:cNvPr>
          <p:cNvPicPr>
            <a:picLocks noChangeAspect="1"/>
          </p:cNvPicPr>
          <p:nvPr userDrawn="1"/>
        </p:nvPicPr>
        <p:blipFill rotWithShape="1">
          <a:blip r:embed="rId2" cstate="screen">
            <a:alphaModFix amt="20000"/>
            <a:extLst>
              <a:ext uri="{28A0092B-C50C-407E-A947-70E740481C1C}">
                <a14:useLocalDpi xmlns:a14="http://schemas.microsoft.com/office/drawing/2010/main" val="0"/>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20" y="1133269"/>
            <a:ext cx="11277598" cy="2852737"/>
          </a:xfrm>
        </p:spPr>
        <p:txBody>
          <a:bodyPr anchor="b"/>
          <a:lstStyle>
            <a:lvl1pPr>
              <a:defRPr sz="6000">
                <a:solidFill>
                  <a:schemeClr val="bg1"/>
                </a:solidFill>
              </a:defRPr>
            </a:lvl1pPr>
          </a:lstStyle>
          <a:p>
            <a:r>
              <a:rPr lang="en-US"/>
              <a:t>Click to edit Master title style</a:t>
            </a:r>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477520" y="4012994"/>
            <a:ext cx="11277598" cy="1500187"/>
          </a:xfrm>
          <a:prstGeom prst="rect">
            <a:avLst/>
          </a:prstGeom>
        </p:spPr>
        <p:txBody>
          <a:bodyPr/>
          <a:lstStyle>
            <a:lvl1pPr marL="0" indent="0">
              <a:buNone/>
              <a:defRPr sz="240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pic>
        <p:nvPicPr>
          <p:cNvPr id="8" name="Picture 7">
            <a:extLst>
              <a:ext uri="{FF2B5EF4-FFF2-40B4-BE49-F238E27FC236}">
                <a16:creationId xmlns:a16="http://schemas.microsoft.com/office/drawing/2014/main" id="{EF48C579-CF3D-174A-9909-9A2548649712}"/>
              </a:ext>
            </a:extLst>
          </p:cNvPr>
          <p:cNvPicPr>
            <a:picLocks noChangeAspect="1"/>
          </p:cNvPicPr>
          <p:nvPr userDrawn="1"/>
        </p:nvPicPr>
        <p:blipFill>
          <a:blip r:embed="rId3" cstate="screen">
            <a:extLst>
              <a:ext uri="{28A0092B-C50C-407E-A947-70E740481C1C}">
                <a14:useLocalDpi xmlns:a14="http://schemas.microsoft.com/office/drawing/2010/main" val="0"/>
              </a:ext>
            </a:extLst>
          </a:blip>
          <a:srcRect/>
          <a:stretch/>
        </p:blipFill>
        <p:spPr>
          <a:xfrm>
            <a:off x="571500" y="5866525"/>
            <a:ext cx="1375996" cy="488619"/>
          </a:xfrm>
          <a:prstGeom prst="rect">
            <a:avLst/>
          </a:prstGeom>
        </p:spPr>
      </p:pic>
      <p:sp>
        <p:nvSpPr>
          <p:cNvPr id="11" name="Footer Placeholder 3">
            <a:extLst>
              <a:ext uri="{FF2B5EF4-FFF2-40B4-BE49-F238E27FC236}">
                <a16:creationId xmlns:a16="http://schemas.microsoft.com/office/drawing/2014/main" id="{360F0DE3-9933-B44D-A9BB-D471FC17FF27}"/>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2" name="Slide Number Placeholder 4">
            <a:extLst>
              <a:ext uri="{FF2B5EF4-FFF2-40B4-BE49-F238E27FC236}">
                <a16:creationId xmlns:a16="http://schemas.microsoft.com/office/drawing/2014/main" id="{E2E0F19A-4ED0-D141-AE31-C9D30E4C917D}"/>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4294392137"/>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5_Title and Content">
    <p:bg>
      <p:bgPr>
        <a:solidFill>
          <a:schemeClr val="bg1"/>
        </a:solidFill>
        <a:effectLst/>
      </p:bgPr>
    </p:bg>
    <p:spTree>
      <p:nvGrpSpPr>
        <p:cNvPr id="1" name=""/>
        <p:cNvGrpSpPr/>
        <p:nvPr/>
      </p:nvGrpSpPr>
      <p:grpSpPr>
        <a:xfrm>
          <a:off x="0" y="0"/>
          <a:ext cx="0" cy="0"/>
          <a:chOff x="0" y="0"/>
          <a:chExt cx="0" cy="0"/>
        </a:xfrm>
      </p:grpSpPr>
      <p:sp>
        <p:nvSpPr>
          <p:cNvPr id="16" name="bg object 16"/>
          <p:cNvSpPr/>
          <p:nvPr/>
        </p:nvSpPr>
        <p:spPr>
          <a:xfrm>
            <a:off x="319264" y="6249147"/>
            <a:ext cx="701252" cy="195998"/>
          </a:xfrm>
          <a:custGeom>
            <a:avLst/>
            <a:gdLst/>
            <a:ahLst/>
            <a:cxnLst/>
            <a:rect l="l" t="t" r="r" b="b"/>
            <a:pathLst>
              <a:path w="1156335" h="323215">
                <a:moveTo>
                  <a:pt x="364210" y="162280"/>
                </a:moveTo>
                <a:lnTo>
                  <a:pt x="357657" y="116090"/>
                </a:lnTo>
                <a:lnTo>
                  <a:pt x="339217" y="76479"/>
                </a:lnTo>
                <a:lnTo>
                  <a:pt x="310642" y="44246"/>
                </a:lnTo>
                <a:lnTo>
                  <a:pt x="273748" y="20205"/>
                </a:lnTo>
                <a:lnTo>
                  <a:pt x="266890" y="17843"/>
                </a:lnTo>
                <a:lnTo>
                  <a:pt x="266890" y="161823"/>
                </a:lnTo>
                <a:lnTo>
                  <a:pt x="261048" y="198031"/>
                </a:lnTo>
                <a:lnTo>
                  <a:pt x="244233" y="227114"/>
                </a:lnTo>
                <a:lnTo>
                  <a:pt x="217551" y="246481"/>
                </a:lnTo>
                <a:lnTo>
                  <a:pt x="182105" y="253504"/>
                </a:lnTo>
                <a:lnTo>
                  <a:pt x="146634" y="246481"/>
                </a:lnTo>
                <a:lnTo>
                  <a:pt x="119951" y="227114"/>
                </a:lnTo>
                <a:lnTo>
                  <a:pt x="103136" y="198031"/>
                </a:lnTo>
                <a:lnTo>
                  <a:pt x="97282" y="161823"/>
                </a:lnTo>
                <a:lnTo>
                  <a:pt x="102768" y="126961"/>
                </a:lnTo>
                <a:lnTo>
                  <a:pt x="118986" y="97294"/>
                </a:lnTo>
                <a:lnTo>
                  <a:pt x="145554" y="76669"/>
                </a:lnTo>
                <a:lnTo>
                  <a:pt x="182105" y="68935"/>
                </a:lnTo>
                <a:lnTo>
                  <a:pt x="218643" y="76669"/>
                </a:lnTo>
                <a:lnTo>
                  <a:pt x="245198" y="97294"/>
                </a:lnTo>
                <a:lnTo>
                  <a:pt x="261404" y="126961"/>
                </a:lnTo>
                <a:lnTo>
                  <a:pt x="266890" y="161823"/>
                </a:lnTo>
                <a:lnTo>
                  <a:pt x="266890" y="17843"/>
                </a:lnTo>
                <a:lnTo>
                  <a:pt x="230289" y="5181"/>
                </a:lnTo>
                <a:lnTo>
                  <a:pt x="182079" y="0"/>
                </a:lnTo>
                <a:lnTo>
                  <a:pt x="133870" y="5181"/>
                </a:lnTo>
                <a:lnTo>
                  <a:pt x="90436" y="20205"/>
                </a:lnTo>
                <a:lnTo>
                  <a:pt x="53543" y="44246"/>
                </a:lnTo>
                <a:lnTo>
                  <a:pt x="24980" y="76479"/>
                </a:lnTo>
                <a:lnTo>
                  <a:pt x="6540" y="116090"/>
                </a:lnTo>
                <a:lnTo>
                  <a:pt x="0" y="162280"/>
                </a:lnTo>
                <a:lnTo>
                  <a:pt x="6515" y="209054"/>
                </a:lnTo>
                <a:lnTo>
                  <a:pt x="24879" y="248564"/>
                </a:lnTo>
                <a:lnTo>
                  <a:pt x="53378" y="280263"/>
                </a:lnTo>
                <a:lnTo>
                  <a:pt x="90233" y="303580"/>
                </a:lnTo>
                <a:lnTo>
                  <a:pt x="133718" y="317982"/>
                </a:lnTo>
                <a:lnTo>
                  <a:pt x="182079" y="322897"/>
                </a:lnTo>
                <a:lnTo>
                  <a:pt x="230441" y="317982"/>
                </a:lnTo>
                <a:lnTo>
                  <a:pt x="273939" y="303580"/>
                </a:lnTo>
                <a:lnTo>
                  <a:pt x="310807" y="280263"/>
                </a:lnTo>
                <a:lnTo>
                  <a:pt x="339305" y="248564"/>
                </a:lnTo>
                <a:lnTo>
                  <a:pt x="357695" y="209054"/>
                </a:lnTo>
                <a:lnTo>
                  <a:pt x="364210" y="162280"/>
                </a:lnTo>
                <a:close/>
              </a:path>
              <a:path w="1156335" h="323215">
                <a:moveTo>
                  <a:pt x="784174" y="162801"/>
                </a:moveTo>
                <a:lnTo>
                  <a:pt x="777290" y="116497"/>
                </a:lnTo>
                <a:lnTo>
                  <a:pt x="760361" y="85928"/>
                </a:lnTo>
                <a:lnTo>
                  <a:pt x="757516" y="80784"/>
                </a:lnTo>
                <a:lnTo>
                  <a:pt x="726224" y="54698"/>
                </a:lnTo>
                <a:lnTo>
                  <a:pt x="684733" y="37274"/>
                </a:lnTo>
                <a:lnTo>
                  <a:pt x="670699" y="34569"/>
                </a:lnTo>
                <a:lnTo>
                  <a:pt x="670699" y="168808"/>
                </a:lnTo>
                <a:lnTo>
                  <a:pt x="662673" y="204520"/>
                </a:lnTo>
                <a:lnTo>
                  <a:pt x="641184" y="230657"/>
                </a:lnTo>
                <a:lnTo>
                  <a:pt x="610108" y="246697"/>
                </a:lnTo>
                <a:lnTo>
                  <a:pt x="573316" y="252158"/>
                </a:lnTo>
                <a:lnTo>
                  <a:pt x="559676" y="252158"/>
                </a:lnTo>
                <a:lnTo>
                  <a:pt x="562203" y="251993"/>
                </a:lnTo>
                <a:lnTo>
                  <a:pt x="557491" y="251218"/>
                </a:lnTo>
                <a:lnTo>
                  <a:pt x="557491" y="87134"/>
                </a:lnTo>
                <a:lnTo>
                  <a:pt x="562038" y="86436"/>
                </a:lnTo>
                <a:lnTo>
                  <a:pt x="564730" y="86080"/>
                </a:lnTo>
                <a:lnTo>
                  <a:pt x="568350" y="85940"/>
                </a:lnTo>
                <a:lnTo>
                  <a:pt x="575741" y="85940"/>
                </a:lnTo>
                <a:lnTo>
                  <a:pt x="622820" y="92608"/>
                </a:lnTo>
                <a:lnTo>
                  <a:pt x="651903" y="110655"/>
                </a:lnTo>
                <a:lnTo>
                  <a:pt x="666623" y="137058"/>
                </a:lnTo>
                <a:lnTo>
                  <a:pt x="670699" y="168808"/>
                </a:lnTo>
                <a:lnTo>
                  <a:pt x="670699" y="34569"/>
                </a:lnTo>
                <a:lnTo>
                  <a:pt x="634415" y="27533"/>
                </a:lnTo>
                <a:lnTo>
                  <a:pt x="576592" y="24498"/>
                </a:lnTo>
                <a:lnTo>
                  <a:pt x="445909" y="25869"/>
                </a:lnTo>
                <a:lnTo>
                  <a:pt x="395922" y="25869"/>
                </a:lnTo>
                <a:lnTo>
                  <a:pt x="395922" y="74612"/>
                </a:lnTo>
                <a:lnTo>
                  <a:pt x="408254" y="76098"/>
                </a:lnTo>
                <a:lnTo>
                  <a:pt x="421259" y="77406"/>
                </a:lnTo>
                <a:lnTo>
                  <a:pt x="434835" y="78422"/>
                </a:lnTo>
                <a:lnTo>
                  <a:pt x="448932" y="79019"/>
                </a:lnTo>
                <a:lnTo>
                  <a:pt x="448932" y="260959"/>
                </a:lnTo>
                <a:lnTo>
                  <a:pt x="434835" y="261708"/>
                </a:lnTo>
                <a:lnTo>
                  <a:pt x="421259" y="262953"/>
                </a:lnTo>
                <a:lnTo>
                  <a:pt x="408254" y="264629"/>
                </a:lnTo>
                <a:lnTo>
                  <a:pt x="395922" y="266674"/>
                </a:lnTo>
                <a:lnTo>
                  <a:pt x="395922" y="312978"/>
                </a:lnTo>
                <a:lnTo>
                  <a:pt x="448932" y="312978"/>
                </a:lnTo>
                <a:lnTo>
                  <a:pt x="524967" y="315112"/>
                </a:lnTo>
                <a:lnTo>
                  <a:pt x="613905" y="312178"/>
                </a:lnTo>
                <a:lnTo>
                  <a:pt x="662724" y="302323"/>
                </a:lnTo>
                <a:lnTo>
                  <a:pt x="704392" y="286156"/>
                </a:lnTo>
                <a:lnTo>
                  <a:pt x="738136" y="263906"/>
                </a:lnTo>
                <a:lnTo>
                  <a:pt x="778802" y="202006"/>
                </a:lnTo>
                <a:lnTo>
                  <a:pt x="784174" y="162801"/>
                </a:lnTo>
                <a:close/>
              </a:path>
              <a:path w="1156335" h="323215">
                <a:moveTo>
                  <a:pt x="1156106" y="121005"/>
                </a:moveTo>
                <a:lnTo>
                  <a:pt x="1127429" y="59766"/>
                </a:lnTo>
                <a:lnTo>
                  <a:pt x="1092263" y="40284"/>
                </a:lnTo>
                <a:lnTo>
                  <a:pt x="1050455" y="30099"/>
                </a:lnTo>
                <a:lnTo>
                  <a:pt x="1050455" y="127533"/>
                </a:lnTo>
                <a:lnTo>
                  <a:pt x="1046073" y="145516"/>
                </a:lnTo>
                <a:lnTo>
                  <a:pt x="1034084" y="158572"/>
                </a:lnTo>
                <a:lnTo>
                  <a:pt x="1016190" y="166535"/>
                </a:lnTo>
                <a:lnTo>
                  <a:pt x="994092" y="169214"/>
                </a:lnTo>
                <a:lnTo>
                  <a:pt x="981544" y="169214"/>
                </a:lnTo>
                <a:lnTo>
                  <a:pt x="976439" y="168224"/>
                </a:lnTo>
                <a:lnTo>
                  <a:pt x="976439" y="87464"/>
                </a:lnTo>
                <a:lnTo>
                  <a:pt x="981837" y="86779"/>
                </a:lnTo>
                <a:lnTo>
                  <a:pt x="996378" y="86779"/>
                </a:lnTo>
                <a:lnTo>
                  <a:pt x="1022692" y="90284"/>
                </a:lnTo>
                <a:lnTo>
                  <a:pt x="1039291" y="99517"/>
                </a:lnTo>
                <a:lnTo>
                  <a:pt x="1047953" y="112572"/>
                </a:lnTo>
                <a:lnTo>
                  <a:pt x="1050455" y="127533"/>
                </a:lnTo>
                <a:lnTo>
                  <a:pt x="1050455" y="30099"/>
                </a:lnTo>
                <a:lnTo>
                  <a:pt x="1043813" y="28473"/>
                </a:lnTo>
                <a:lnTo>
                  <a:pt x="982522" y="24498"/>
                </a:lnTo>
                <a:lnTo>
                  <a:pt x="948093" y="24790"/>
                </a:lnTo>
                <a:lnTo>
                  <a:pt x="867486" y="26403"/>
                </a:lnTo>
                <a:lnTo>
                  <a:pt x="815898" y="26403"/>
                </a:lnTo>
                <a:lnTo>
                  <a:pt x="815898" y="75272"/>
                </a:lnTo>
                <a:lnTo>
                  <a:pt x="828446" y="76758"/>
                </a:lnTo>
                <a:lnTo>
                  <a:pt x="841375" y="78079"/>
                </a:lnTo>
                <a:lnTo>
                  <a:pt x="854659" y="79095"/>
                </a:lnTo>
                <a:lnTo>
                  <a:pt x="868324" y="79667"/>
                </a:lnTo>
                <a:lnTo>
                  <a:pt x="868324" y="262636"/>
                </a:lnTo>
                <a:lnTo>
                  <a:pt x="854659" y="263359"/>
                </a:lnTo>
                <a:lnTo>
                  <a:pt x="841375" y="264617"/>
                </a:lnTo>
                <a:lnTo>
                  <a:pt x="828446" y="266319"/>
                </a:lnTo>
                <a:lnTo>
                  <a:pt x="815898" y="268389"/>
                </a:lnTo>
                <a:lnTo>
                  <a:pt x="815898" y="315023"/>
                </a:lnTo>
                <a:lnTo>
                  <a:pt x="1029411" y="315023"/>
                </a:lnTo>
                <a:lnTo>
                  <a:pt x="1029411" y="268173"/>
                </a:lnTo>
                <a:lnTo>
                  <a:pt x="1016800" y="266115"/>
                </a:lnTo>
                <a:lnTo>
                  <a:pt x="1003795" y="264426"/>
                </a:lnTo>
                <a:lnTo>
                  <a:pt x="990358" y="263182"/>
                </a:lnTo>
                <a:lnTo>
                  <a:pt x="976439" y="262445"/>
                </a:lnTo>
                <a:lnTo>
                  <a:pt x="976439" y="226225"/>
                </a:lnTo>
                <a:lnTo>
                  <a:pt x="984542" y="226479"/>
                </a:lnTo>
                <a:lnTo>
                  <a:pt x="989203" y="226479"/>
                </a:lnTo>
                <a:lnTo>
                  <a:pt x="1049858" y="220865"/>
                </a:lnTo>
                <a:lnTo>
                  <a:pt x="1096657" y="205397"/>
                </a:lnTo>
                <a:lnTo>
                  <a:pt x="1129817" y="182206"/>
                </a:lnTo>
                <a:lnTo>
                  <a:pt x="1149565" y="153377"/>
                </a:lnTo>
                <a:lnTo>
                  <a:pt x="1156106" y="121005"/>
                </a:lnTo>
                <a:close/>
              </a:path>
            </a:pathLst>
          </a:custGeom>
          <a:solidFill>
            <a:srgbClr val="CF202E"/>
          </a:solidFill>
        </p:spPr>
        <p:txBody>
          <a:bodyPr wrap="square" lIns="0" tIns="0" rIns="0" bIns="0" rtlCol="0"/>
          <a:lstStyle/>
          <a:p>
            <a:endParaRPr sz="1091"/>
          </a:p>
        </p:txBody>
      </p:sp>
      <p:pic>
        <p:nvPicPr>
          <p:cNvPr id="17" name="bg object 17"/>
          <p:cNvPicPr/>
          <p:nvPr/>
        </p:nvPicPr>
        <p:blipFill>
          <a:blip r:embed="rId2" cstate="email">
            <a:extLst>
              <a:ext uri="{28A0092B-C50C-407E-A947-70E740481C1C}">
                <a14:useLocalDpi xmlns:a14="http://schemas.microsoft.com/office/drawing/2010/main"/>
              </a:ext>
            </a:extLst>
          </a:blip>
          <a:stretch>
            <a:fillRect/>
          </a:stretch>
        </p:blipFill>
        <p:spPr>
          <a:xfrm>
            <a:off x="319273" y="6486707"/>
            <a:ext cx="109889" cy="41520"/>
          </a:xfrm>
          <a:prstGeom prst="rect">
            <a:avLst/>
          </a:prstGeom>
        </p:spPr>
      </p:pic>
      <p:pic>
        <p:nvPicPr>
          <p:cNvPr id="18" name="bg object 18"/>
          <p:cNvPicPr/>
          <p:nvPr/>
        </p:nvPicPr>
        <p:blipFill>
          <a:blip r:embed="rId3" cstate="email">
            <a:extLst>
              <a:ext uri="{28A0092B-C50C-407E-A947-70E740481C1C}">
                <a14:useLocalDpi xmlns:a14="http://schemas.microsoft.com/office/drawing/2010/main"/>
              </a:ext>
            </a:extLst>
          </a:blip>
          <a:stretch>
            <a:fillRect/>
          </a:stretch>
        </p:blipFill>
        <p:spPr>
          <a:xfrm>
            <a:off x="451549" y="6485649"/>
            <a:ext cx="124842" cy="43628"/>
          </a:xfrm>
          <a:prstGeom prst="rect">
            <a:avLst/>
          </a:prstGeom>
        </p:spPr>
      </p:pic>
      <p:sp>
        <p:nvSpPr>
          <p:cNvPr id="19" name="bg object 19"/>
          <p:cNvSpPr/>
          <p:nvPr/>
        </p:nvSpPr>
        <p:spPr>
          <a:xfrm>
            <a:off x="598071" y="6485646"/>
            <a:ext cx="423216" cy="43898"/>
          </a:xfrm>
          <a:custGeom>
            <a:avLst/>
            <a:gdLst/>
            <a:ahLst/>
            <a:cxnLst/>
            <a:rect l="l" t="t" r="r" b="b"/>
            <a:pathLst>
              <a:path w="697864" h="72390">
                <a:moveTo>
                  <a:pt x="61696" y="59778"/>
                </a:moveTo>
                <a:lnTo>
                  <a:pt x="51638" y="52616"/>
                </a:lnTo>
                <a:lnTo>
                  <a:pt x="47777" y="57556"/>
                </a:lnTo>
                <a:lnTo>
                  <a:pt x="42735" y="60947"/>
                </a:lnTo>
                <a:lnTo>
                  <a:pt x="36271" y="60947"/>
                </a:lnTo>
                <a:lnTo>
                  <a:pt x="26517" y="58953"/>
                </a:lnTo>
                <a:lnTo>
                  <a:pt x="19113" y="53517"/>
                </a:lnTo>
                <a:lnTo>
                  <a:pt x="14414" y="45427"/>
                </a:lnTo>
                <a:lnTo>
                  <a:pt x="12776" y="35496"/>
                </a:lnTo>
                <a:lnTo>
                  <a:pt x="14478" y="25920"/>
                </a:lnTo>
                <a:lnTo>
                  <a:pt x="19265" y="18161"/>
                </a:lnTo>
                <a:lnTo>
                  <a:pt x="26682" y="12941"/>
                </a:lnTo>
                <a:lnTo>
                  <a:pt x="36271" y="11036"/>
                </a:lnTo>
                <a:lnTo>
                  <a:pt x="42265" y="11036"/>
                </a:lnTo>
                <a:lnTo>
                  <a:pt x="46723" y="13538"/>
                </a:lnTo>
                <a:lnTo>
                  <a:pt x="50673" y="17805"/>
                </a:lnTo>
                <a:lnTo>
                  <a:pt x="60147" y="10845"/>
                </a:lnTo>
                <a:lnTo>
                  <a:pt x="55041" y="6045"/>
                </a:lnTo>
                <a:lnTo>
                  <a:pt x="49403" y="2667"/>
                </a:lnTo>
                <a:lnTo>
                  <a:pt x="43129" y="660"/>
                </a:lnTo>
                <a:lnTo>
                  <a:pt x="36169" y="0"/>
                </a:lnTo>
                <a:lnTo>
                  <a:pt x="21297" y="2679"/>
                </a:lnTo>
                <a:lnTo>
                  <a:pt x="9893" y="10160"/>
                </a:lnTo>
                <a:lnTo>
                  <a:pt x="2578" y="21628"/>
                </a:lnTo>
                <a:lnTo>
                  <a:pt x="0" y="36271"/>
                </a:lnTo>
                <a:lnTo>
                  <a:pt x="2679" y="50825"/>
                </a:lnTo>
                <a:lnTo>
                  <a:pt x="10172" y="62090"/>
                </a:lnTo>
                <a:lnTo>
                  <a:pt x="21628" y="69380"/>
                </a:lnTo>
                <a:lnTo>
                  <a:pt x="36169" y="71958"/>
                </a:lnTo>
                <a:lnTo>
                  <a:pt x="43573" y="71221"/>
                </a:lnTo>
                <a:lnTo>
                  <a:pt x="50495" y="68986"/>
                </a:lnTo>
                <a:lnTo>
                  <a:pt x="56642" y="65189"/>
                </a:lnTo>
                <a:lnTo>
                  <a:pt x="61696" y="59778"/>
                </a:lnTo>
                <a:close/>
              </a:path>
              <a:path w="697864" h="72390">
                <a:moveTo>
                  <a:pt x="138785" y="35509"/>
                </a:moveTo>
                <a:lnTo>
                  <a:pt x="136283" y="21259"/>
                </a:lnTo>
                <a:lnTo>
                  <a:pt x="129705" y="11036"/>
                </a:lnTo>
                <a:lnTo>
                  <a:pt x="128993" y="9931"/>
                </a:lnTo>
                <a:lnTo>
                  <a:pt x="126098" y="8064"/>
                </a:lnTo>
                <a:lnTo>
                  <a:pt x="126098" y="35509"/>
                </a:lnTo>
                <a:lnTo>
                  <a:pt x="124485" y="45351"/>
                </a:lnTo>
                <a:lnTo>
                  <a:pt x="119849" y="53441"/>
                </a:lnTo>
                <a:lnTo>
                  <a:pt x="112433" y="58928"/>
                </a:lnTo>
                <a:lnTo>
                  <a:pt x="102501" y="60934"/>
                </a:lnTo>
                <a:lnTo>
                  <a:pt x="92608" y="58928"/>
                </a:lnTo>
                <a:lnTo>
                  <a:pt x="85229" y="53479"/>
                </a:lnTo>
                <a:lnTo>
                  <a:pt x="80606" y="45389"/>
                </a:lnTo>
                <a:lnTo>
                  <a:pt x="78994" y="35509"/>
                </a:lnTo>
                <a:lnTo>
                  <a:pt x="80695" y="25971"/>
                </a:lnTo>
                <a:lnTo>
                  <a:pt x="85483" y="18186"/>
                </a:lnTo>
                <a:lnTo>
                  <a:pt x="92875" y="12954"/>
                </a:lnTo>
                <a:lnTo>
                  <a:pt x="102400" y="11036"/>
                </a:lnTo>
                <a:lnTo>
                  <a:pt x="112014" y="12890"/>
                </a:lnTo>
                <a:lnTo>
                  <a:pt x="119507" y="18008"/>
                </a:lnTo>
                <a:lnTo>
                  <a:pt x="124358" y="25768"/>
                </a:lnTo>
                <a:lnTo>
                  <a:pt x="126098" y="35509"/>
                </a:lnTo>
                <a:lnTo>
                  <a:pt x="126098" y="8064"/>
                </a:lnTo>
                <a:lnTo>
                  <a:pt x="117640" y="2603"/>
                </a:lnTo>
                <a:lnTo>
                  <a:pt x="102882" y="12"/>
                </a:lnTo>
                <a:lnTo>
                  <a:pt x="87071" y="2908"/>
                </a:lnTo>
                <a:lnTo>
                  <a:pt x="75603" y="10744"/>
                </a:lnTo>
                <a:lnTo>
                  <a:pt x="68592" y="22288"/>
                </a:lnTo>
                <a:lnTo>
                  <a:pt x="66230" y="36283"/>
                </a:lnTo>
                <a:lnTo>
                  <a:pt x="68884" y="50787"/>
                </a:lnTo>
                <a:lnTo>
                  <a:pt x="76314" y="62064"/>
                </a:lnTo>
                <a:lnTo>
                  <a:pt x="87693" y="69354"/>
                </a:lnTo>
                <a:lnTo>
                  <a:pt x="102209" y="71958"/>
                </a:lnTo>
                <a:lnTo>
                  <a:pt x="116827" y="69342"/>
                </a:lnTo>
                <a:lnTo>
                  <a:pt x="128435" y="61976"/>
                </a:lnTo>
                <a:lnTo>
                  <a:pt x="129133" y="60934"/>
                </a:lnTo>
                <a:lnTo>
                  <a:pt x="136093" y="50584"/>
                </a:lnTo>
                <a:lnTo>
                  <a:pt x="138785" y="36283"/>
                </a:lnTo>
                <a:lnTo>
                  <a:pt x="138785" y="35509"/>
                </a:lnTo>
                <a:close/>
              </a:path>
              <a:path w="697864" h="72390">
                <a:moveTo>
                  <a:pt x="202082" y="70218"/>
                </a:moveTo>
                <a:lnTo>
                  <a:pt x="184658" y="41198"/>
                </a:lnTo>
                <a:lnTo>
                  <a:pt x="183908" y="39954"/>
                </a:lnTo>
                <a:lnTo>
                  <a:pt x="193573" y="38582"/>
                </a:lnTo>
                <a:lnTo>
                  <a:pt x="199771" y="31635"/>
                </a:lnTo>
                <a:lnTo>
                  <a:pt x="199771" y="30759"/>
                </a:lnTo>
                <a:lnTo>
                  <a:pt x="199771" y="21386"/>
                </a:lnTo>
                <a:lnTo>
                  <a:pt x="197739" y="12192"/>
                </a:lnTo>
                <a:lnTo>
                  <a:pt x="197688" y="12001"/>
                </a:lnTo>
                <a:lnTo>
                  <a:pt x="192125" y="5956"/>
                </a:lnTo>
                <a:lnTo>
                  <a:pt x="186994" y="3886"/>
                </a:lnTo>
                <a:lnTo>
                  <a:pt x="186994" y="13449"/>
                </a:lnTo>
                <a:lnTo>
                  <a:pt x="186994" y="29794"/>
                </a:lnTo>
                <a:lnTo>
                  <a:pt x="179654" y="30759"/>
                </a:lnTo>
                <a:lnTo>
                  <a:pt x="162636" y="30759"/>
                </a:lnTo>
                <a:lnTo>
                  <a:pt x="162636" y="12192"/>
                </a:lnTo>
                <a:lnTo>
                  <a:pt x="179946" y="12192"/>
                </a:lnTo>
                <a:lnTo>
                  <a:pt x="186994" y="13449"/>
                </a:lnTo>
                <a:lnTo>
                  <a:pt x="186994" y="3886"/>
                </a:lnTo>
                <a:lnTo>
                  <a:pt x="184099" y="2717"/>
                </a:lnTo>
                <a:lnTo>
                  <a:pt x="174625" y="1752"/>
                </a:lnTo>
                <a:lnTo>
                  <a:pt x="150431" y="1752"/>
                </a:lnTo>
                <a:lnTo>
                  <a:pt x="150431" y="70218"/>
                </a:lnTo>
                <a:lnTo>
                  <a:pt x="162636" y="70218"/>
                </a:lnTo>
                <a:lnTo>
                  <a:pt x="162636" y="41198"/>
                </a:lnTo>
                <a:lnTo>
                  <a:pt x="171538" y="41198"/>
                </a:lnTo>
                <a:lnTo>
                  <a:pt x="187388" y="70218"/>
                </a:lnTo>
                <a:lnTo>
                  <a:pt x="202082" y="70218"/>
                </a:lnTo>
                <a:close/>
              </a:path>
              <a:path w="697864" h="72390">
                <a:moveTo>
                  <a:pt x="259613" y="21386"/>
                </a:moveTo>
                <a:lnTo>
                  <a:pt x="257263" y="12192"/>
                </a:lnTo>
                <a:lnTo>
                  <a:pt x="256984" y="11099"/>
                </a:lnTo>
                <a:lnTo>
                  <a:pt x="250532" y="5156"/>
                </a:lnTo>
                <a:lnTo>
                  <a:pt x="246837" y="3911"/>
                </a:lnTo>
                <a:lnTo>
                  <a:pt x="246837" y="15290"/>
                </a:lnTo>
                <a:lnTo>
                  <a:pt x="246837" y="30670"/>
                </a:lnTo>
                <a:lnTo>
                  <a:pt x="238633" y="31445"/>
                </a:lnTo>
                <a:lnTo>
                  <a:pt x="223532" y="31445"/>
                </a:lnTo>
                <a:lnTo>
                  <a:pt x="223532" y="12192"/>
                </a:lnTo>
                <a:lnTo>
                  <a:pt x="242100" y="12192"/>
                </a:lnTo>
                <a:lnTo>
                  <a:pt x="246837" y="15290"/>
                </a:lnTo>
                <a:lnTo>
                  <a:pt x="246837" y="3911"/>
                </a:lnTo>
                <a:lnTo>
                  <a:pt x="242430" y="2413"/>
                </a:lnTo>
                <a:lnTo>
                  <a:pt x="234861" y="1752"/>
                </a:lnTo>
                <a:lnTo>
                  <a:pt x="211353" y="1752"/>
                </a:lnTo>
                <a:lnTo>
                  <a:pt x="211353" y="70218"/>
                </a:lnTo>
                <a:lnTo>
                  <a:pt x="223532" y="70218"/>
                </a:lnTo>
                <a:lnTo>
                  <a:pt x="223532" y="41884"/>
                </a:lnTo>
                <a:lnTo>
                  <a:pt x="232918" y="41884"/>
                </a:lnTo>
                <a:lnTo>
                  <a:pt x="244805" y="40690"/>
                </a:lnTo>
                <a:lnTo>
                  <a:pt x="253123" y="36995"/>
                </a:lnTo>
                <a:lnTo>
                  <a:pt x="257378" y="31445"/>
                </a:lnTo>
                <a:lnTo>
                  <a:pt x="258013" y="30619"/>
                </a:lnTo>
                <a:lnTo>
                  <a:pt x="259613" y="21386"/>
                </a:lnTo>
                <a:close/>
              </a:path>
              <a:path w="697864" h="72390">
                <a:moveTo>
                  <a:pt x="339305" y="35509"/>
                </a:moveTo>
                <a:lnTo>
                  <a:pt x="336804" y="21259"/>
                </a:lnTo>
                <a:lnTo>
                  <a:pt x="330225" y="11036"/>
                </a:lnTo>
                <a:lnTo>
                  <a:pt x="329514" y="9931"/>
                </a:lnTo>
                <a:lnTo>
                  <a:pt x="326618" y="8064"/>
                </a:lnTo>
                <a:lnTo>
                  <a:pt x="326618" y="35509"/>
                </a:lnTo>
                <a:lnTo>
                  <a:pt x="325005" y="45351"/>
                </a:lnTo>
                <a:lnTo>
                  <a:pt x="320357" y="53441"/>
                </a:lnTo>
                <a:lnTo>
                  <a:pt x="312940" y="58928"/>
                </a:lnTo>
                <a:lnTo>
                  <a:pt x="303022" y="60934"/>
                </a:lnTo>
                <a:lnTo>
                  <a:pt x="293128" y="58928"/>
                </a:lnTo>
                <a:lnTo>
                  <a:pt x="285750" y="53479"/>
                </a:lnTo>
                <a:lnTo>
                  <a:pt x="281114" y="45389"/>
                </a:lnTo>
                <a:lnTo>
                  <a:pt x="279514" y="35509"/>
                </a:lnTo>
                <a:lnTo>
                  <a:pt x="281216" y="25971"/>
                </a:lnTo>
                <a:lnTo>
                  <a:pt x="285991" y="18186"/>
                </a:lnTo>
                <a:lnTo>
                  <a:pt x="293382" y="12954"/>
                </a:lnTo>
                <a:lnTo>
                  <a:pt x="302920" y="11036"/>
                </a:lnTo>
                <a:lnTo>
                  <a:pt x="312534" y="12890"/>
                </a:lnTo>
                <a:lnTo>
                  <a:pt x="320027" y="18008"/>
                </a:lnTo>
                <a:lnTo>
                  <a:pt x="324878" y="25768"/>
                </a:lnTo>
                <a:lnTo>
                  <a:pt x="326618" y="35509"/>
                </a:lnTo>
                <a:lnTo>
                  <a:pt x="326618" y="8064"/>
                </a:lnTo>
                <a:lnTo>
                  <a:pt x="318160" y="2603"/>
                </a:lnTo>
                <a:lnTo>
                  <a:pt x="303403" y="12"/>
                </a:lnTo>
                <a:lnTo>
                  <a:pt x="287591" y="2908"/>
                </a:lnTo>
                <a:lnTo>
                  <a:pt x="276123" y="10744"/>
                </a:lnTo>
                <a:lnTo>
                  <a:pt x="269113" y="22288"/>
                </a:lnTo>
                <a:lnTo>
                  <a:pt x="266750" y="36283"/>
                </a:lnTo>
                <a:lnTo>
                  <a:pt x="269405" y="50787"/>
                </a:lnTo>
                <a:lnTo>
                  <a:pt x="276834" y="62064"/>
                </a:lnTo>
                <a:lnTo>
                  <a:pt x="288213" y="69354"/>
                </a:lnTo>
                <a:lnTo>
                  <a:pt x="302729" y="71958"/>
                </a:lnTo>
                <a:lnTo>
                  <a:pt x="317347" y="69342"/>
                </a:lnTo>
                <a:lnTo>
                  <a:pt x="328955" y="61976"/>
                </a:lnTo>
                <a:lnTo>
                  <a:pt x="329653" y="60934"/>
                </a:lnTo>
                <a:lnTo>
                  <a:pt x="336613" y="50584"/>
                </a:lnTo>
                <a:lnTo>
                  <a:pt x="339305" y="36283"/>
                </a:lnTo>
                <a:lnTo>
                  <a:pt x="339305" y="35509"/>
                </a:lnTo>
                <a:close/>
              </a:path>
              <a:path w="697864" h="72390">
                <a:moveTo>
                  <a:pt x="402602" y="70218"/>
                </a:moveTo>
                <a:lnTo>
                  <a:pt x="385178" y="41198"/>
                </a:lnTo>
                <a:lnTo>
                  <a:pt x="384429" y="39954"/>
                </a:lnTo>
                <a:lnTo>
                  <a:pt x="394093" y="38582"/>
                </a:lnTo>
                <a:lnTo>
                  <a:pt x="400291" y="31635"/>
                </a:lnTo>
                <a:lnTo>
                  <a:pt x="400291" y="30759"/>
                </a:lnTo>
                <a:lnTo>
                  <a:pt x="400291" y="21386"/>
                </a:lnTo>
                <a:lnTo>
                  <a:pt x="398259" y="12192"/>
                </a:lnTo>
                <a:lnTo>
                  <a:pt x="398208" y="12001"/>
                </a:lnTo>
                <a:lnTo>
                  <a:pt x="392645" y="5956"/>
                </a:lnTo>
                <a:lnTo>
                  <a:pt x="387515" y="3886"/>
                </a:lnTo>
                <a:lnTo>
                  <a:pt x="387515" y="13449"/>
                </a:lnTo>
                <a:lnTo>
                  <a:pt x="387515" y="29794"/>
                </a:lnTo>
                <a:lnTo>
                  <a:pt x="380174" y="30759"/>
                </a:lnTo>
                <a:lnTo>
                  <a:pt x="363156" y="30759"/>
                </a:lnTo>
                <a:lnTo>
                  <a:pt x="363156" y="12192"/>
                </a:lnTo>
                <a:lnTo>
                  <a:pt x="380466" y="12192"/>
                </a:lnTo>
                <a:lnTo>
                  <a:pt x="387515" y="13449"/>
                </a:lnTo>
                <a:lnTo>
                  <a:pt x="387515" y="3886"/>
                </a:lnTo>
                <a:lnTo>
                  <a:pt x="384619" y="2717"/>
                </a:lnTo>
                <a:lnTo>
                  <a:pt x="375145" y="1752"/>
                </a:lnTo>
                <a:lnTo>
                  <a:pt x="350951" y="1752"/>
                </a:lnTo>
                <a:lnTo>
                  <a:pt x="350951" y="70218"/>
                </a:lnTo>
                <a:lnTo>
                  <a:pt x="363156" y="70218"/>
                </a:lnTo>
                <a:lnTo>
                  <a:pt x="363156" y="41198"/>
                </a:lnTo>
                <a:lnTo>
                  <a:pt x="372059" y="41198"/>
                </a:lnTo>
                <a:lnTo>
                  <a:pt x="387908" y="70218"/>
                </a:lnTo>
                <a:lnTo>
                  <a:pt x="402602" y="70218"/>
                </a:lnTo>
                <a:close/>
              </a:path>
              <a:path w="697864" h="72390">
                <a:moveTo>
                  <a:pt x="474065" y="70218"/>
                </a:moveTo>
                <a:lnTo>
                  <a:pt x="467309" y="54546"/>
                </a:lnTo>
                <a:lnTo>
                  <a:pt x="462813" y="44107"/>
                </a:lnTo>
                <a:lnTo>
                  <a:pt x="450811" y="16243"/>
                </a:lnTo>
                <a:lnTo>
                  <a:pt x="449491" y="13182"/>
                </a:lnTo>
                <a:lnTo>
                  <a:pt x="449491" y="44107"/>
                </a:lnTo>
                <a:lnTo>
                  <a:pt x="428218" y="44107"/>
                </a:lnTo>
                <a:lnTo>
                  <a:pt x="438962" y="16243"/>
                </a:lnTo>
                <a:lnTo>
                  <a:pt x="449491" y="44107"/>
                </a:lnTo>
                <a:lnTo>
                  <a:pt x="449491" y="13182"/>
                </a:lnTo>
                <a:lnTo>
                  <a:pt x="444563" y="1752"/>
                </a:lnTo>
                <a:lnTo>
                  <a:pt x="434022" y="1752"/>
                </a:lnTo>
                <a:lnTo>
                  <a:pt x="404228" y="70218"/>
                </a:lnTo>
                <a:lnTo>
                  <a:pt x="417868" y="70218"/>
                </a:lnTo>
                <a:lnTo>
                  <a:pt x="424065" y="54546"/>
                </a:lnTo>
                <a:lnTo>
                  <a:pt x="453745" y="54546"/>
                </a:lnTo>
                <a:lnTo>
                  <a:pt x="460133" y="70218"/>
                </a:lnTo>
                <a:lnTo>
                  <a:pt x="474065" y="70218"/>
                </a:lnTo>
                <a:close/>
              </a:path>
              <a:path w="697864" h="72390">
                <a:moveTo>
                  <a:pt x="519976" y="1752"/>
                </a:moveTo>
                <a:lnTo>
                  <a:pt x="465823" y="1752"/>
                </a:lnTo>
                <a:lnTo>
                  <a:pt x="465823" y="12776"/>
                </a:lnTo>
                <a:lnTo>
                  <a:pt x="486816" y="12776"/>
                </a:lnTo>
                <a:lnTo>
                  <a:pt x="486816" y="70218"/>
                </a:lnTo>
                <a:lnTo>
                  <a:pt x="498995" y="70218"/>
                </a:lnTo>
                <a:lnTo>
                  <a:pt x="498995" y="12776"/>
                </a:lnTo>
                <a:lnTo>
                  <a:pt x="519976" y="12776"/>
                </a:lnTo>
                <a:lnTo>
                  <a:pt x="519976" y="1752"/>
                </a:lnTo>
                <a:close/>
              </a:path>
              <a:path w="697864" h="72390">
                <a:moveTo>
                  <a:pt x="540169" y="1752"/>
                </a:moveTo>
                <a:lnTo>
                  <a:pt x="527989" y="1752"/>
                </a:lnTo>
                <a:lnTo>
                  <a:pt x="527989" y="70218"/>
                </a:lnTo>
                <a:lnTo>
                  <a:pt x="540169" y="70218"/>
                </a:lnTo>
                <a:lnTo>
                  <a:pt x="540169" y="1752"/>
                </a:lnTo>
                <a:close/>
              </a:path>
              <a:path w="697864" h="72390">
                <a:moveTo>
                  <a:pt x="624052" y="35509"/>
                </a:moveTo>
                <a:lnTo>
                  <a:pt x="621550" y="21259"/>
                </a:lnTo>
                <a:lnTo>
                  <a:pt x="614959" y="11036"/>
                </a:lnTo>
                <a:lnTo>
                  <a:pt x="614248" y="9931"/>
                </a:lnTo>
                <a:lnTo>
                  <a:pt x="611352" y="8064"/>
                </a:lnTo>
                <a:lnTo>
                  <a:pt x="611352" y="35509"/>
                </a:lnTo>
                <a:lnTo>
                  <a:pt x="609739" y="45351"/>
                </a:lnTo>
                <a:lnTo>
                  <a:pt x="605091" y="53441"/>
                </a:lnTo>
                <a:lnTo>
                  <a:pt x="597674" y="58928"/>
                </a:lnTo>
                <a:lnTo>
                  <a:pt x="587756" y="60934"/>
                </a:lnTo>
                <a:lnTo>
                  <a:pt x="577862" y="58928"/>
                </a:lnTo>
                <a:lnTo>
                  <a:pt x="570484" y="53479"/>
                </a:lnTo>
                <a:lnTo>
                  <a:pt x="565861" y="45389"/>
                </a:lnTo>
                <a:lnTo>
                  <a:pt x="564248" y="35509"/>
                </a:lnTo>
                <a:lnTo>
                  <a:pt x="565950" y="25971"/>
                </a:lnTo>
                <a:lnTo>
                  <a:pt x="570725" y="18186"/>
                </a:lnTo>
                <a:lnTo>
                  <a:pt x="578116" y="12954"/>
                </a:lnTo>
                <a:lnTo>
                  <a:pt x="587654" y="11036"/>
                </a:lnTo>
                <a:lnTo>
                  <a:pt x="597268" y="12890"/>
                </a:lnTo>
                <a:lnTo>
                  <a:pt x="604761" y="18008"/>
                </a:lnTo>
                <a:lnTo>
                  <a:pt x="609612" y="25768"/>
                </a:lnTo>
                <a:lnTo>
                  <a:pt x="611352" y="35509"/>
                </a:lnTo>
                <a:lnTo>
                  <a:pt x="611352" y="8064"/>
                </a:lnTo>
                <a:lnTo>
                  <a:pt x="602894" y="2603"/>
                </a:lnTo>
                <a:lnTo>
                  <a:pt x="588137" y="12"/>
                </a:lnTo>
                <a:lnTo>
                  <a:pt x="572325" y="2908"/>
                </a:lnTo>
                <a:lnTo>
                  <a:pt x="560857" y="10744"/>
                </a:lnTo>
                <a:lnTo>
                  <a:pt x="553847" y="22288"/>
                </a:lnTo>
                <a:lnTo>
                  <a:pt x="551484" y="36283"/>
                </a:lnTo>
                <a:lnTo>
                  <a:pt x="554139" y="50787"/>
                </a:lnTo>
                <a:lnTo>
                  <a:pt x="561568" y="62064"/>
                </a:lnTo>
                <a:lnTo>
                  <a:pt x="572947" y="69354"/>
                </a:lnTo>
                <a:lnTo>
                  <a:pt x="587463" y="71958"/>
                </a:lnTo>
                <a:lnTo>
                  <a:pt x="602081" y="69342"/>
                </a:lnTo>
                <a:lnTo>
                  <a:pt x="613702" y="61976"/>
                </a:lnTo>
                <a:lnTo>
                  <a:pt x="614387" y="60934"/>
                </a:lnTo>
                <a:lnTo>
                  <a:pt x="621360" y="50584"/>
                </a:lnTo>
                <a:lnTo>
                  <a:pt x="624052" y="36283"/>
                </a:lnTo>
                <a:lnTo>
                  <a:pt x="624052" y="35509"/>
                </a:lnTo>
                <a:close/>
              </a:path>
              <a:path w="697864" h="72390">
                <a:moveTo>
                  <a:pt x="697395" y="1752"/>
                </a:moveTo>
                <a:lnTo>
                  <a:pt x="685215" y="1752"/>
                </a:lnTo>
                <a:lnTo>
                  <a:pt x="685215" y="52616"/>
                </a:lnTo>
                <a:lnTo>
                  <a:pt x="685025" y="52616"/>
                </a:lnTo>
                <a:lnTo>
                  <a:pt x="651852" y="1752"/>
                </a:lnTo>
                <a:lnTo>
                  <a:pt x="635698" y="1752"/>
                </a:lnTo>
                <a:lnTo>
                  <a:pt x="635698" y="70218"/>
                </a:lnTo>
                <a:lnTo>
                  <a:pt x="647877" y="70218"/>
                </a:lnTo>
                <a:lnTo>
                  <a:pt x="647877" y="17703"/>
                </a:lnTo>
                <a:lnTo>
                  <a:pt x="648081" y="17703"/>
                </a:lnTo>
                <a:lnTo>
                  <a:pt x="681926" y="70218"/>
                </a:lnTo>
                <a:lnTo>
                  <a:pt x="697395" y="70218"/>
                </a:lnTo>
                <a:lnTo>
                  <a:pt x="697395" y="1752"/>
                </a:lnTo>
                <a:close/>
              </a:path>
            </a:pathLst>
          </a:custGeom>
          <a:solidFill>
            <a:srgbClr val="CF202E"/>
          </a:solidFill>
        </p:spPr>
        <p:txBody>
          <a:bodyPr wrap="square" lIns="0" tIns="0" rIns="0" bIns="0" rtlCol="0"/>
          <a:lstStyle/>
          <a:p>
            <a:endParaRPr sz="1091"/>
          </a:p>
        </p:txBody>
      </p:sp>
      <p:sp>
        <p:nvSpPr>
          <p:cNvPr id="9" name="object 3">
            <a:extLst>
              <a:ext uri="{FF2B5EF4-FFF2-40B4-BE49-F238E27FC236}">
                <a16:creationId xmlns:a16="http://schemas.microsoft.com/office/drawing/2014/main" id="{8AC0E22B-7683-BD4F-AF35-B14A1B678CDB}"/>
              </a:ext>
            </a:extLst>
          </p:cNvPr>
          <p:cNvSpPr/>
          <p:nvPr/>
        </p:nvSpPr>
        <p:spPr>
          <a:xfrm>
            <a:off x="0" y="0"/>
            <a:ext cx="12192000" cy="6869622"/>
          </a:xfrm>
          <a:custGeom>
            <a:avLst/>
            <a:gdLst/>
            <a:ahLst/>
            <a:cxnLst/>
            <a:rect l="l" t="t" r="r" b="b"/>
            <a:pathLst>
              <a:path w="20072985" h="11308715">
                <a:moveTo>
                  <a:pt x="20072687" y="0"/>
                </a:moveTo>
                <a:lnTo>
                  <a:pt x="0" y="0"/>
                </a:lnTo>
                <a:lnTo>
                  <a:pt x="0" y="11308556"/>
                </a:lnTo>
                <a:lnTo>
                  <a:pt x="20072687" y="11308556"/>
                </a:lnTo>
                <a:lnTo>
                  <a:pt x="20072687" y="0"/>
                </a:lnTo>
                <a:close/>
              </a:path>
            </a:pathLst>
          </a:custGeom>
          <a:solidFill>
            <a:srgbClr val="000000"/>
          </a:solidFill>
        </p:spPr>
        <p:txBody>
          <a:bodyPr wrap="square" lIns="0" tIns="0" rIns="0" bIns="0" rtlCol="0"/>
          <a:lstStyle/>
          <a:p>
            <a:endParaRPr sz="700"/>
          </a:p>
        </p:txBody>
      </p:sp>
      <p:pic>
        <p:nvPicPr>
          <p:cNvPr id="3" name="Picture 2" descr="A person working on a computer&#10;&#10;Description automatically generated with medium confidence">
            <a:extLst>
              <a:ext uri="{FF2B5EF4-FFF2-40B4-BE49-F238E27FC236}">
                <a16:creationId xmlns:a16="http://schemas.microsoft.com/office/drawing/2014/main" id="{57182E09-5D68-2740-AFA0-560C2B818B69}"/>
              </a:ext>
            </a:extLst>
          </p:cNvPr>
          <p:cNvPicPr>
            <a:picLocks noChangeAspect="1"/>
          </p:cNvPicPr>
          <p:nvPr userDrawn="1"/>
        </p:nvPicPr>
        <p:blipFill rotWithShape="1">
          <a:blip r:embed="rId4" cstate="email">
            <a:alphaModFix amt="60000"/>
            <a:extLst>
              <a:ext uri="{28A0092B-C50C-407E-A947-70E740481C1C}">
                <a14:useLocalDpi xmlns:a14="http://schemas.microsoft.com/office/drawing/2010/main"/>
              </a:ext>
            </a:extLst>
          </a:blip>
          <a:srcRect/>
          <a:stretch/>
        </p:blipFill>
        <p:spPr>
          <a:xfrm>
            <a:off x="0" y="0"/>
            <a:ext cx="12192000" cy="6869621"/>
          </a:xfrm>
          <a:prstGeom prst="rect">
            <a:avLst/>
          </a:prstGeom>
        </p:spPr>
      </p:pic>
      <p:sp>
        <p:nvSpPr>
          <p:cNvPr id="20" name="Title 1">
            <a:extLst>
              <a:ext uri="{FF2B5EF4-FFF2-40B4-BE49-F238E27FC236}">
                <a16:creationId xmlns:a16="http://schemas.microsoft.com/office/drawing/2014/main" id="{8532A691-13B5-D946-A65F-48547A263C16}"/>
              </a:ext>
            </a:extLst>
          </p:cNvPr>
          <p:cNvSpPr>
            <a:spLocks noGrp="1"/>
          </p:cNvSpPr>
          <p:nvPr>
            <p:ph type="title"/>
          </p:nvPr>
        </p:nvSpPr>
        <p:spPr>
          <a:xfrm>
            <a:off x="572219" y="3224214"/>
            <a:ext cx="10515600" cy="763587"/>
          </a:xfrm>
        </p:spPr>
        <p:txBody>
          <a:bodyPr anchor="t" anchorCtr="0"/>
          <a:lstStyle>
            <a:lvl1pPr>
              <a:defRPr sz="4999">
                <a:solidFill>
                  <a:schemeClr val="bg1"/>
                </a:solidFill>
              </a:defRPr>
            </a:lvl1pPr>
          </a:lstStyle>
          <a:p>
            <a:r>
              <a:rPr lang="en-US"/>
              <a:t>Click to edit Master title style</a:t>
            </a:r>
          </a:p>
        </p:txBody>
      </p:sp>
    </p:spTree>
    <p:extLst>
      <p:ext uri="{BB962C8B-B14F-4D97-AF65-F5344CB8AC3E}">
        <p14:creationId xmlns:p14="http://schemas.microsoft.com/office/powerpoint/2010/main" val="2572731010"/>
      </p:ext>
    </p:extLst>
  </p:cSld>
  <p:clrMapOvr>
    <a:masterClrMapping/>
  </p:clrMapOvr>
  <p:transition>
    <p:fade/>
  </p:transition>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4_Title and Content">
    <p:bg>
      <p:bgPr>
        <a:solidFill>
          <a:schemeClr val="bg1"/>
        </a:solidFill>
        <a:effectLst/>
      </p:bgPr>
    </p:bg>
    <p:spTree>
      <p:nvGrpSpPr>
        <p:cNvPr id="1" name=""/>
        <p:cNvGrpSpPr/>
        <p:nvPr/>
      </p:nvGrpSpPr>
      <p:grpSpPr>
        <a:xfrm>
          <a:off x="0" y="0"/>
          <a:ext cx="0" cy="0"/>
          <a:chOff x="0" y="0"/>
          <a:chExt cx="0" cy="0"/>
        </a:xfrm>
      </p:grpSpPr>
      <p:sp>
        <p:nvSpPr>
          <p:cNvPr id="9" name="object 3">
            <a:extLst>
              <a:ext uri="{FF2B5EF4-FFF2-40B4-BE49-F238E27FC236}">
                <a16:creationId xmlns:a16="http://schemas.microsoft.com/office/drawing/2014/main" id="{8AC0E22B-7683-BD4F-AF35-B14A1B678CDB}"/>
              </a:ext>
            </a:extLst>
          </p:cNvPr>
          <p:cNvSpPr/>
          <p:nvPr/>
        </p:nvSpPr>
        <p:spPr>
          <a:xfrm>
            <a:off x="0" y="0"/>
            <a:ext cx="12192000" cy="6869622"/>
          </a:xfrm>
          <a:custGeom>
            <a:avLst/>
            <a:gdLst/>
            <a:ahLst/>
            <a:cxnLst/>
            <a:rect l="l" t="t" r="r" b="b"/>
            <a:pathLst>
              <a:path w="20072985" h="11308715">
                <a:moveTo>
                  <a:pt x="20072687" y="0"/>
                </a:moveTo>
                <a:lnTo>
                  <a:pt x="0" y="0"/>
                </a:lnTo>
                <a:lnTo>
                  <a:pt x="0" y="11308556"/>
                </a:lnTo>
                <a:lnTo>
                  <a:pt x="20072687" y="11308556"/>
                </a:lnTo>
                <a:lnTo>
                  <a:pt x="20072687" y="0"/>
                </a:lnTo>
                <a:close/>
              </a:path>
            </a:pathLst>
          </a:custGeom>
          <a:solidFill>
            <a:srgbClr val="000000"/>
          </a:solidFill>
        </p:spPr>
        <p:txBody>
          <a:bodyPr wrap="square" lIns="0" tIns="0" rIns="0" bIns="0" rtlCol="0"/>
          <a:lstStyle/>
          <a:p>
            <a:endParaRPr sz="700"/>
          </a:p>
        </p:txBody>
      </p:sp>
      <p:pic>
        <p:nvPicPr>
          <p:cNvPr id="3" name="Picture 2" descr="A picture containing person, computer&#10;&#10;Description automatically generated">
            <a:extLst>
              <a:ext uri="{FF2B5EF4-FFF2-40B4-BE49-F238E27FC236}">
                <a16:creationId xmlns:a16="http://schemas.microsoft.com/office/drawing/2014/main" id="{96402094-A2A7-004E-BE05-AF251070D0E4}"/>
              </a:ext>
            </a:extLst>
          </p:cNvPr>
          <p:cNvPicPr>
            <a:picLocks noChangeAspect="1"/>
          </p:cNvPicPr>
          <p:nvPr userDrawn="1"/>
        </p:nvPicPr>
        <p:blipFill rotWithShape="1">
          <a:blip r:embed="rId2" cstate="email">
            <a:alphaModFix amt="66000"/>
            <a:extLst>
              <a:ext uri="{28A0092B-C50C-407E-A947-70E740481C1C}">
                <a14:useLocalDpi xmlns:a14="http://schemas.microsoft.com/office/drawing/2010/main"/>
              </a:ext>
            </a:extLst>
          </a:blip>
          <a:srcRect/>
          <a:stretch/>
        </p:blipFill>
        <p:spPr>
          <a:xfrm>
            <a:off x="0" y="17115"/>
            <a:ext cx="12192000" cy="6858000"/>
          </a:xfrm>
          <a:prstGeom prst="rect">
            <a:avLst/>
          </a:prstGeom>
        </p:spPr>
      </p:pic>
      <p:sp>
        <p:nvSpPr>
          <p:cNvPr id="11" name="Title 1">
            <a:extLst>
              <a:ext uri="{FF2B5EF4-FFF2-40B4-BE49-F238E27FC236}">
                <a16:creationId xmlns:a16="http://schemas.microsoft.com/office/drawing/2014/main" id="{169EA41C-0E7F-B845-957D-F010947909AA}"/>
              </a:ext>
            </a:extLst>
          </p:cNvPr>
          <p:cNvSpPr>
            <a:spLocks noGrp="1"/>
          </p:cNvSpPr>
          <p:nvPr>
            <p:ph type="title"/>
          </p:nvPr>
        </p:nvSpPr>
        <p:spPr>
          <a:xfrm>
            <a:off x="927167" y="3224214"/>
            <a:ext cx="10515600" cy="763587"/>
          </a:xfrm>
        </p:spPr>
        <p:txBody>
          <a:bodyPr anchor="t" anchorCtr="0"/>
          <a:lstStyle>
            <a:lvl1pPr>
              <a:defRPr sz="4999">
                <a:solidFill>
                  <a:schemeClr val="bg1"/>
                </a:solidFill>
              </a:defRPr>
            </a:lvl1pPr>
          </a:lstStyle>
          <a:p>
            <a:r>
              <a:rPr lang="en-US"/>
              <a:t>Click to edit Master title style</a:t>
            </a:r>
          </a:p>
        </p:txBody>
      </p:sp>
    </p:spTree>
    <p:extLst>
      <p:ext uri="{BB962C8B-B14F-4D97-AF65-F5344CB8AC3E}">
        <p14:creationId xmlns:p14="http://schemas.microsoft.com/office/powerpoint/2010/main" val="2279050198"/>
      </p:ext>
    </p:extLst>
  </p:cSld>
  <p:clrMapOvr>
    <a:masterClrMapping/>
  </p:clrMapOvr>
  <p:transition>
    <p:fade/>
  </p:transition>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grpSp>
        <p:nvGrpSpPr>
          <p:cNvPr id="3" name="Group 2">
            <a:extLst>
              <a:ext uri="{FF2B5EF4-FFF2-40B4-BE49-F238E27FC236}">
                <a16:creationId xmlns:a16="http://schemas.microsoft.com/office/drawing/2014/main" id="{CD869754-FE5A-0D4A-8CEF-251A3F1A285A}"/>
              </a:ext>
            </a:extLst>
          </p:cNvPr>
          <p:cNvGrpSpPr/>
          <p:nvPr userDrawn="1"/>
        </p:nvGrpSpPr>
        <p:grpSpPr>
          <a:xfrm>
            <a:off x="5252354" y="483458"/>
            <a:ext cx="6939646" cy="6374542"/>
            <a:chOff x="12415210" y="2431669"/>
            <a:chExt cx="12286290" cy="11284331"/>
          </a:xfrm>
        </p:grpSpPr>
        <p:pic>
          <p:nvPicPr>
            <p:cNvPr id="6" name="Picture 5" descr="Icon&#10;&#10;Description automatically generated">
              <a:extLst>
                <a:ext uri="{FF2B5EF4-FFF2-40B4-BE49-F238E27FC236}">
                  <a16:creationId xmlns:a16="http://schemas.microsoft.com/office/drawing/2014/main" id="{9F7A0B61-0C90-E646-92DD-A208A82B788E}"/>
                </a:ext>
              </a:extLst>
            </p:cNvPr>
            <p:cNvPicPr>
              <a:picLocks noChangeAspect="1"/>
            </p:cNvPicPr>
            <p:nvPr userDrawn="1"/>
          </p:nvPicPr>
          <p:blipFill rotWithShape="1">
            <a:blip r:embed="rId2">
              <a:extLst>
                <a:ext uri="{28A0092B-C50C-407E-A947-70E740481C1C}">
                  <a14:useLocalDpi xmlns:a14="http://schemas.microsoft.com/office/drawing/2010/main"/>
                </a:ext>
              </a:extLst>
            </a:blip>
            <a:srcRect/>
            <a:stretch/>
          </p:blipFill>
          <p:spPr>
            <a:xfrm>
              <a:off x="16776107" y="8670925"/>
              <a:ext cx="7925393" cy="5045075"/>
            </a:xfrm>
            <a:prstGeom prst="rect">
              <a:avLst/>
            </a:prstGeom>
          </p:spPr>
        </p:pic>
        <p:pic>
          <p:nvPicPr>
            <p:cNvPr id="4" name="Picture 3" descr="Icon&#10;&#10;Description automatically generated">
              <a:extLst>
                <a:ext uri="{FF2B5EF4-FFF2-40B4-BE49-F238E27FC236}">
                  <a16:creationId xmlns:a16="http://schemas.microsoft.com/office/drawing/2014/main" id="{B917BD7C-5B96-A847-947A-740CB1421F48}"/>
                </a:ext>
              </a:extLst>
            </p:cNvPr>
            <p:cNvPicPr>
              <a:picLocks noChangeAspect="1"/>
            </p:cNvPicPr>
            <p:nvPr userDrawn="1"/>
          </p:nvPicPr>
          <p:blipFill rotWithShape="1">
            <a:blip r:embed="rId3">
              <a:duotone>
                <a:schemeClr val="bg2">
                  <a:shade val="45000"/>
                  <a:satMod val="135000"/>
                </a:schemeClr>
                <a:prstClr val="white"/>
              </a:duotone>
              <a:alphaModFix amt="12000"/>
              <a:extLst>
                <a:ext uri="{28A0092B-C50C-407E-A947-70E740481C1C}">
                  <a14:useLocalDpi xmlns:a14="http://schemas.microsoft.com/office/drawing/2010/main"/>
                </a:ext>
              </a:extLst>
            </a:blip>
            <a:srcRect/>
            <a:stretch/>
          </p:blipFill>
          <p:spPr>
            <a:xfrm>
              <a:off x="12415210" y="2431669"/>
              <a:ext cx="12286290" cy="11284331"/>
            </a:xfrm>
            <a:prstGeom prst="rect">
              <a:avLst/>
            </a:prstGeom>
          </p:spPr>
        </p:pic>
      </p:grpSp>
      <p:sp>
        <p:nvSpPr>
          <p:cNvPr id="2" name="Title 1"/>
          <p:cNvSpPr>
            <a:spLocks noGrp="1"/>
          </p:cNvSpPr>
          <p:nvPr>
            <p:ph type="title"/>
          </p:nvPr>
        </p:nvSpPr>
        <p:spPr/>
        <p:txBody>
          <a:bodyPr/>
          <a:lstStyle/>
          <a:p>
            <a:r>
              <a:rPr lang="en-US"/>
              <a:t>Click to edit Master title style</a:t>
            </a:r>
          </a:p>
        </p:txBody>
      </p:sp>
      <p:sp>
        <p:nvSpPr>
          <p:cNvPr id="5" name="Slide Number Placeholder 4"/>
          <p:cNvSpPr>
            <a:spLocks noGrp="1"/>
          </p:cNvSpPr>
          <p:nvPr>
            <p:ph type="sldNum" sz="quarter" idx="12"/>
          </p:nvPr>
        </p:nvSpPr>
        <p:spPr/>
        <p:txBody>
          <a:bodyPr/>
          <a:lstStyle/>
          <a:p>
            <a:fld id="{EA8D065C-7253-274F-A38C-EFAAAEC662DD}" type="slidenum">
              <a:rPr lang="en-US" smtClean="0"/>
              <a:t>‹#›</a:t>
            </a:fld>
            <a:endParaRPr lang="en-US"/>
          </a:p>
        </p:txBody>
      </p:sp>
      <p:pic>
        <p:nvPicPr>
          <p:cNvPr id="7" name="Picture 6">
            <a:extLst>
              <a:ext uri="{FF2B5EF4-FFF2-40B4-BE49-F238E27FC236}">
                <a16:creationId xmlns:a16="http://schemas.microsoft.com/office/drawing/2014/main" id="{C9E6BDE7-6A01-0840-8F2B-AF748D679ABA}"/>
              </a:ext>
            </a:extLst>
          </p:cNvPr>
          <p:cNvPicPr>
            <a:picLocks noChangeAspect="1"/>
          </p:cNvPicPr>
          <p:nvPr userDrawn="1"/>
        </p:nvPicPr>
        <p:blipFill>
          <a:blip r:embed="rId4" cstate="email">
            <a:extLst>
              <a:ext uri="{28A0092B-C50C-407E-A947-70E740481C1C}">
                <a14:useLocalDpi xmlns:a14="http://schemas.microsoft.com/office/drawing/2010/main"/>
              </a:ext>
            </a:extLst>
          </a:blip>
          <a:stretch>
            <a:fillRect/>
          </a:stretch>
        </p:blipFill>
        <p:spPr>
          <a:xfrm>
            <a:off x="10520018" y="6299207"/>
            <a:ext cx="1169778" cy="367962"/>
          </a:xfrm>
          <a:prstGeom prst="rect">
            <a:avLst/>
          </a:prstGeom>
        </p:spPr>
      </p:pic>
      <p:sp>
        <p:nvSpPr>
          <p:cNvPr id="9" name="Text Placeholder 8">
            <a:extLst>
              <a:ext uri="{FF2B5EF4-FFF2-40B4-BE49-F238E27FC236}">
                <a16:creationId xmlns:a16="http://schemas.microsoft.com/office/drawing/2014/main" id="{0488B11F-3F8B-304C-AB84-6356E4185F8B}"/>
              </a:ext>
            </a:extLst>
          </p:cNvPr>
          <p:cNvSpPr>
            <a:spLocks noGrp="1"/>
          </p:cNvSpPr>
          <p:nvPr>
            <p:ph type="body" sz="quarter" idx="13"/>
          </p:nvPr>
        </p:nvSpPr>
        <p:spPr>
          <a:xfrm>
            <a:off x="572219" y="1638300"/>
            <a:ext cx="10990419" cy="45339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7034200"/>
      </p:ext>
    </p:extLst>
  </p:cSld>
  <p:clrMapOvr>
    <a:masterClrMapping/>
  </p:clrMapOvr>
  <p:transition>
    <p:fade/>
  </p:transition>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userDrawn="1">
  <p:cSld name="2_Title and Content">
    <p:bg>
      <p:bgPr>
        <a:solidFill>
          <a:schemeClr val="bg1"/>
        </a:solidFill>
        <a:effectLst/>
      </p:bgPr>
    </p:bg>
    <p:spTree>
      <p:nvGrpSpPr>
        <p:cNvPr id="1" name=""/>
        <p:cNvGrpSpPr/>
        <p:nvPr/>
      </p:nvGrpSpPr>
      <p:grpSpPr>
        <a:xfrm>
          <a:off x="0" y="0"/>
          <a:ext cx="0" cy="0"/>
          <a:chOff x="0" y="0"/>
          <a:chExt cx="0" cy="0"/>
        </a:xfrm>
      </p:grpSpPr>
      <p:sp>
        <p:nvSpPr>
          <p:cNvPr id="16" name="bg object 16"/>
          <p:cNvSpPr/>
          <p:nvPr/>
        </p:nvSpPr>
        <p:spPr>
          <a:xfrm>
            <a:off x="319264" y="6249147"/>
            <a:ext cx="701252" cy="195998"/>
          </a:xfrm>
          <a:custGeom>
            <a:avLst/>
            <a:gdLst/>
            <a:ahLst/>
            <a:cxnLst/>
            <a:rect l="l" t="t" r="r" b="b"/>
            <a:pathLst>
              <a:path w="1156335" h="323215">
                <a:moveTo>
                  <a:pt x="364210" y="162280"/>
                </a:moveTo>
                <a:lnTo>
                  <a:pt x="357657" y="116090"/>
                </a:lnTo>
                <a:lnTo>
                  <a:pt x="339217" y="76479"/>
                </a:lnTo>
                <a:lnTo>
                  <a:pt x="310642" y="44246"/>
                </a:lnTo>
                <a:lnTo>
                  <a:pt x="273748" y="20205"/>
                </a:lnTo>
                <a:lnTo>
                  <a:pt x="266890" y="17843"/>
                </a:lnTo>
                <a:lnTo>
                  <a:pt x="266890" y="161823"/>
                </a:lnTo>
                <a:lnTo>
                  <a:pt x="261048" y="198031"/>
                </a:lnTo>
                <a:lnTo>
                  <a:pt x="244233" y="227114"/>
                </a:lnTo>
                <a:lnTo>
                  <a:pt x="217551" y="246481"/>
                </a:lnTo>
                <a:lnTo>
                  <a:pt x="182105" y="253504"/>
                </a:lnTo>
                <a:lnTo>
                  <a:pt x="146634" y="246481"/>
                </a:lnTo>
                <a:lnTo>
                  <a:pt x="119951" y="227114"/>
                </a:lnTo>
                <a:lnTo>
                  <a:pt x="103136" y="198031"/>
                </a:lnTo>
                <a:lnTo>
                  <a:pt x="97282" y="161823"/>
                </a:lnTo>
                <a:lnTo>
                  <a:pt x="102768" y="126961"/>
                </a:lnTo>
                <a:lnTo>
                  <a:pt x="118986" y="97294"/>
                </a:lnTo>
                <a:lnTo>
                  <a:pt x="145554" y="76669"/>
                </a:lnTo>
                <a:lnTo>
                  <a:pt x="182105" y="68935"/>
                </a:lnTo>
                <a:lnTo>
                  <a:pt x="218643" y="76669"/>
                </a:lnTo>
                <a:lnTo>
                  <a:pt x="245198" y="97294"/>
                </a:lnTo>
                <a:lnTo>
                  <a:pt x="261404" y="126961"/>
                </a:lnTo>
                <a:lnTo>
                  <a:pt x="266890" y="161823"/>
                </a:lnTo>
                <a:lnTo>
                  <a:pt x="266890" y="17843"/>
                </a:lnTo>
                <a:lnTo>
                  <a:pt x="230289" y="5181"/>
                </a:lnTo>
                <a:lnTo>
                  <a:pt x="182079" y="0"/>
                </a:lnTo>
                <a:lnTo>
                  <a:pt x="133870" y="5181"/>
                </a:lnTo>
                <a:lnTo>
                  <a:pt x="90436" y="20205"/>
                </a:lnTo>
                <a:lnTo>
                  <a:pt x="53543" y="44246"/>
                </a:lnTo>
                <a:lnTo>
                  <a:pt x="24980" y="76479"/>
                </a:lnTo>
                <a:lnTo>
                  <a:pt x="6540" y="116090"/>
                </a:lnTo>
                <a:lnTo>
                  <a:pt x="0" y="162280"/>
                </a:lnTo>
                <a:lnTo>
                  <a:pt x="6515" y="209054"/>
                </a:lnTo>
                <a:lnTo>
                  <a:pt x="24879" y="248564"/>
                </a:lnTo>
                <a:lnTo>
                  <a:pt x="53378" y="280263"/>
                </a:lnTo>
                <a:lnTo>
                  <a:pt x="90233" y="303580"/>
                </a:lnTo>
                <a:lnTo>
                  <a:pt x="133718" y="317982"/>
                </a:lnTo>
                <a:lnTo>
                  <a:pt x="182079" y="322897"/>
                </a:lnTo>
                <a:lnTo>
                  <a:pt x="230441" y="317982"/>
                </a:lnTo>
                <a:lnTo>
                  <a:pt x="273939" y="303580"/>
                </a:lnTo>
                <a:lnTo>
                  <a:pt x="310807" y="280263"/>
                </a:lnTo>
                <a:lnTo>
                  <a:pt x="339305" y="248564"/>
                </a:lnTo>
                <a:lnTo>
                  <a:pt x="357695" y="209054"/>
                </a:lnTo>
                <a:lnTo>
                  <a:pt x="364210" y="162280"/>
                </a:lnTo>
                <a:close/>
              </a:path>
              <a:path w="1156335" h="323215">
                <a:moveTo>
                  <a:pt x="784174" y="162801"/>
                </a:moveTo>
                <a:lnTo>
                  <a:pt x="777290" y="116497"/>
                </a:lnTo>
                <a:lnTo>
                  <a:pt x="760361" y="85928"/>
                </a:lnTo>
                <a:lnTo>
                  <a:pt x="757516" y="80784"/>
                </a:lnTo>
                <a:lnTo>
                  <a:pt x="726224" y="54698"/>
                </a:lnTo>
                <a:lnTo>
                  <a:pt x="684733" y="37274"/>
                </a:lnTo>
                <a:lnTo>
                  <a:pt x="670699" y="34569"/>
                </a:lnTo>
                <a:lnTo>
                  <a:pt x="670699" y="168808"/>
                </a:lnTo>
                <a:lnTo>
                  <a:pt x="662673" y="204520"/>
                </a:lnTo>
                <a:lnTo>
                  <a:pt x="641184" y="230657"/>
                </a:lnTo>
                <a:lnTo>
                  <a:pt x="610108" y="246697"/>
                </a:lnTo>
                <a:lnTo>
                  <a:pt x="573316" y="252158"/>
                </a:lnTo>
                <a:lnTo>
                  <a:pt x="559676" y="252158"/>
                </a:lnTo>
                <a:lnTo>
                  <a:pt x="562203" y="251993"/>
                </a:lnTo>
                <a:lnTo>
                  <a:pt x="557491" y="251218"/>
                </a:lnTo>
                <a:lnTo>
                  <a:pt x="557491" y="87134"/>
                </a:lnTo>
                <a:lnTo>
                  <a:pt x="562038" y="86436"/>
                </a:lnTo>
                <a:lnTo>
                  <a:pt x="564730" y="86080"/>
                </a:lnTo>
                <a:lnTo>
                  <a:pt x="568350" y="85940"/>
                </a:lnTo>
                <a:lnTo>
                  <a:pt x="575741" y="85940"/>
                </a:lnTo>
                <a:lnTo>
                  <a:pt x="622820" y="92608"/>
                </a:lnTo>
                <a:lnTo>
                  <a:pt x="651903" y="110655"/>
                </a:lnTo>
                <a:lnTo>
                  <a:pt x="666623" y="137058"/>
                </a:lnTo>
                <a:lnTo>
                  <a:pt x="670699" y="168808"/>
                </a:lnTo>
                <a:lnTo>
                  <a:pt x="670699" y="34569"/>
                </a:lnTo>
                <a:lnTo>
                  <a:pt x="634415" y="27533"/>
                </a:lnTo>
                <a:lnTo>
                  <a:pt x="576592" y="24498"/>
                </a:lnTo>
                <a:lnTo>
                  <a:pt x="445909" y="25869"/>
                </a:lnTo>
                <a:lnTo>
                  <a:pt x="395922" y="25869"/>
                </a:lnTo>
                <a:lnTo>
                  <a:pt x="395922" y="74612"/>
                </a:lnTo>
                <a:lnTo>
                  <a:pt x="408254" y="76098"/>
                </a:lnTo>
                <a:lnTo>
                  <a:pt x="421259" y="77406"/>
                </a:lnTo>
                <a:lnTo>
                  <a:pt x="434835" y="78422"/>
                </a:lnTo>
                <a:lnTo>
                  <a:pt x="448932" y="79019"/>
                </a:lnTo>
                <a:lnTo>
                  <a:pt x="448932" y="260959"/>
                </a:lnTo>
                <a:lnTo>
                  <a:pt x="434835" y="261708"/>
                </a:lnTo>
                <a:lnTo>
                  <a:pt x="421259" y="262953"/>
                </a:lnTo>
                <a:lnTo>
                  <a:pt x="408254" y="264629"/>
                </a:lnTo>
                <a:lnTo>
                  <a:pt x="395922" y="266674"/>
                </a:lnTo>
                <a:lnTo>
                  <a:pt x="395922" y="312978"/>
                </a:lnTo>
                <a:lnTo>
                  <a:pt x="448932" y="312978"/>
                </a:lnTo>
                <a:lnTo>
                  <a:pt x="524967" y="315112"/>
                </a:lnTo>
                <a:lnTo>
                  <a:pt x="613905" y="312178"/>
                </a:lnTo>
                <a:lnTo>
                  <a:pt x="662724" y="302323"/>
                </a:lnTo>
                <a:lnTo>
                  <a:pt x="704392" y="286156"/>
                </a:lnTo>
                <a:lnTo>
                  <a:pt x="738136" y="263906"/>
                </a:lnTo>
                <a:lnTo>
                  <a:pt x="778802" y="202006"/>
                </a:lnTo>
                <a:lnTo>
                  <a:pt x="784174" y="162801"/>
                </a:lnTo>
                <a:close/>
              </a:path>
              <a:path w="1156335" h="323215">
                <a:moveTo>
                  <a:pt x="1156106" y="121005"/>
                </a:moveTo>
                <a:lnTo>
                  <a:pt x="1127429" y="59766"/>
                </a:lnTo>
                <a:lnTo>
                  <a:pt x="1092263" y="40284"/>
                </a:lnTo>
                <a:lnTo>
                  <a:pt x="1050455" y="30099"/>
                </a:lnTo>
                <a:lnTo>
                  <a:pt x="1050455" y="127533"/>
                </a:lnTo>
                <a:lnTo>
                  <a:pt x="1046073" y="145516"/>
                </a:lnTo>
                <a:lnTo>
                  <a:pt x="1034084" y="158572"/>
                </a:lnTo>
                <a:lnTo>
                  <a:pt x="1016190" y="166535"/>
                </a:lnTo>
                <a:lnTo>
                  <a:pt x="994092" y="169214"/>
                </a:lnTo>
                <a:lnTo>
                  <a:pt x="981544" y="169214"/>
                </a:lnTo>
                <a:lnTo>
                  <a:pt x="976439" y="168224"/>
                </a:lnTo>
                <a:lnTo>
                  <a:pt x="976439" y="87464"/>
                </a:lnTo>
                <a:lnTo>
                  <a:pt x="981837" y="86779"/>
                </a:lnTo>
                <a:lnTo>
                  <a:pt x="996378" y="86779"/>
                </a:lnTo>
                <a:lnTo>
                  <a:pt x="1022692" y="90284"/>
                </a:lnTo>
                <a:lnTo>
                  <a:pt x="1039291" y="99517"/>
                </a:lnTo>
                <a:lnTo>
                  <a:pt x="1047953" y="112572"/>
                </a:lnTo>
                <a:lnTo>
                  <a:pt x="1050455" y="127533"/>
                </a:lnTo>
                <a:lnTo>
                  <a:pt x="1050455" y="30099"/>
                </a:lnTo>
                <a:lnTo>
                  <a:pt x="1043813" y="28473"/>
                </a:lnTo>
                <a:lnTo>
                  <a:pt x="982522" y="24498"/>
                </a:lnTo>
                <a:lnTo>
                  <a:pt x="948093" y="24790"/>
                </a:lnTo>
                <a:lnTo>
                  <a:pt x="867486" y="26403"/>
                </a:lnTo>
                <a:lnTo>
                  <a:pt x="815898" y="26403"/>
                </a:lnTo>
                <a:lnTo>
                  <a:pt x="815898" y="75272"/>
                </a:lnTo>
                <a:lnTo>
                  <a:pt x="828446" y="76758"/>
                </a:lnTo>
                <a:lnTo>
                  <a:pt x="841375" y="78079"/>
                </a:lnTo>
                <a:lnTo>
                  <a:pt x="854659" y="79095"/>
                </a:lnTo>
                <a:lnTo>
                  <a:pt x="868324" y="79667"/>
                </a:lnTo>
                <a:lnTo>
                  <a:pt x="868324" y="262636"/>
                </a:lnTo>
                <a:lnTo>
                  <a:pt x="854659" y="263359"/>
                </a:lnTo>
                <a:lnTo>
                  <a:pt x="841375" y="264617"/>
                </a:lnTo>
                <a:lnTo>
                  <a:pt x="828446" y="266319"/>
                </a:lnTo>
                <a:lnTo>
                  <a:pt x="815898" y="268389"/>
                </a:lnTo>
                <a:lnTo>
                  <a:pt x="815898" y="315023"/>
                </a:lnTo>
                <a:lnTo>
                  <a:pt x="1029411" y="315023"/>
                </a:lnTo>
                <a:lnTo>
                  <a:pt x="1029411" y="268173"/>
                </a:lnTo>
                <a:lnTo>
                  <a:pt x="1016800" y="266115"/>
                </a:lnTo>
                <a:lnTo>
                  <a:pt x="1003795" y="264426"/>
                </a:lnTo>
                <a:lnTo>
                  <a:pt x="990358" y="263182"/>
                </a:lnTo>
                <a:lnTo>
                  <a:pt x="976439" y="262445"/>
                </a:lnTo>
                <a:lnTo>
                  <a:pt x="976439" y="226225"/>
                </a:lnTo>
                <a:lnTo>
                  <a:pt x="984542" y="226479"/>
                </a:lnTo>
                <a:lnTo>
                  <a:pt x="989203" y="226479"/>
                </a:lnTo>
                <a:lnTo>
                  <a:pt x="1049858" y="220865"/>
                </a:lnTo>
                <a:lnTo>
                  <a:pt x="1096657" y="205397"/>
                </a:lnTo>
                <a:lnTo>
                  <a:pt x="1129817" y="182206"/>
                </a:lnTo>
                <a:lnTo>
                  <a:pt x="1149565" y="153377"/>
                </a:lnTo>
                <a:lnTo>
                  <a:pt x="1156106" y="121005"/>
                </a:lnTo>
                <a:close/>
              </a:path>
            </a:pathLst>
          </a:custGeom>
          <a:solidFill>
            <a:srgbClr val="CF202E"/>
          </a:solidFill>
        </p:spPr>
        <p:txBody>
          <a:bodyPr wrap="square" lIns="0" tIns="0" rIns="0" bIns="0" rtlCol="0"/>
          <a:lstStyle/>
          <a:p>
            <a:endParaRPr sz="1091"/>
          </a:p>
        </p:txBody>
      </p:sp>
      <p:pic>
        <p:nvPicPr>
          <p:cNvPr id="17" name="bg object 17"/>
          <p:cNvPicPr/>
          <p:nvPr/>
        </p:nvPicPr>
        <p:blipFill>
          <a:blip r:embed="rId2" cstate="email">
            <a:extLst>
              <a:ext uri="{28A0092B-C50C-407E-A947-70E740481C1C}">
                <a14:useLocalDpi xmlns:a14="http://schemas.microsoft.com/office/drawing/2010/main"/>
              </a:ext>
            </a:extLst>
          </a:blip>
          <a:stretch>
            <a:fillRect/>
          </a:stretch>
        </p:blipFill>
        <p:spPr>
          <a:xfrm>
            <a:off x="319273" y="6486707"/>
            <a:ext cx="109889" cy="41520"/>
          </a:xfrm>
          <a:prstGeom prst="rect">
            <a:avLst/>
          </a:prstGeom>
        </p:spPr>
      </p:pic>
      <p:pic>
        <p:nvPicPr>
          <p:cNvPr id="18" name="bg object 18"/>
          <p:cNvPicPr/>
          <p:nvPr/>
        </p:nvPicPr>
        <p:blipFill>
          <a:blip r:embed="rId3" cstate="email">
            <a:extLst>
              <a:ext uri="{28A0092B-C50C-407E-A947-70E740481C1C}">
                <a14:useLocalDpi xmlns:a14="http://schemas.microsoft.com/office/drawing/2010/main"/>
              </a:ext>
            </a:extLst>
          </a:blip>
          <a:stretch>
            <a:fillRect/>
          </a:stretch>
        </p:blipFill>
        <p:spPr>
          <a:xfrm>
            <a:off x="451549" y="6485649"/>
            <a:ext cx="124842" cy="43628"/>
          </a:xfrm>
          <a:prstGeom prst="rect">
            <a:avLst/>
          </a:prstGeom>
        </p:spPr>
      </p:pic>
      <p:sp>
        <p:nvSpPr>
          <p:cNvPr id="19" name="bg object 19"/>
          <p:cNvSpPr/>
          <p:nvPr/>
        </p:nvSpPr>
        <p:spPr>
          <a:xfrm>
            <a:off x="598071" y="6485646"/>
            <a:ext cx="423216" cy="43898"/>
          </a:xfrm>
          <a:custGeom>
            <a:avLst/>
            <a:gdLst/>
            <a:ahLst/>
            <a:cxnLst/>
            <a:rect l="l" t="t" r="r" b="b"/>
            <a:pathLst>
              <a:path w="697864" h="72390">
                <a:moveTo>
                  <a:pt x="61696" y="59778"/>
                </a:moveTo>
                <a:lnTo>
                  <a:pt x="51638" y="52616"/>
                </a:lnTo>
                <a:lnTo>
                  <a:pt x="47777" y="57556"/>
                </a:lnTo>
                <a:lnTo>
                  <a:pt x="42735" y="60947"/>
                </a:lnTo>
                <a:lnTo>
                  <a:pt x="36271" y="60947"/>
                </a:lnTo>
                <a:lnTo>
                  <a:pt x="26517" y="58953"/>
                </a:lnTo>
                <a:lnTo>
                  <a:pt x="19113" y="53517"/>
                </a:lnTo>
                <a:lnTo>
                  <a:pt x="14414" y="45427"/>
                </a:lnTo>
                <a:lnTo>
                  <a:pt x="12776" y="35496"/>
                </a:lnTo>
                <a:lnTo>
                  <a:pt x="14478" y="25920"/>
                </a:lnTo>
                <a:lnTo>
                  <a:pt x="19265" y="18161"/>
                </a:lnTo>
                <a:lnTo>
                  <a:pt x="26682" y="12941"/>
                </a:lnTo>
                <a:lnTo>
                  <a:pt x="36271" y="11036"/>
                </a:lnTo>
                <a:lnTo>
                  <a:pt x="42265" y="11036"/>
                </a:lnTo>
                <a:lnTo>
                  <a:pt x="46723" y="13538"/>
                </a:lnTo>
                <a:lnTo>
                  <a:pt x="50673" y="17805"/>
                </a:lnTo>
                <a:lnTo>
                  <a:pt x="60147" y="10845"/>
                </a:lnTo>
                <a:lnTo>
                  <a:pt x="55041" y="6045"/>
                </a:lnTo>
                <a:lnTo>
                  <a:pt x="49403" y="2667"/>
                </a:lnTo>
                <a:lnTo>
                  <a:pt x="43129" y="660"/>
                </a:lnTo>
                <a:lnTo>
                  <a:pt x="36169" y="0"/>
                </a:lnTo>
                <a:lnTo>
                  <a:pt x="21297" y="2679"/>
                </a:lnTo>
                <a:lnTo>
                  <a:pt x="9893" y="10160"/>
                </a:lnTo>
                <a:lnTo>
                  <a:pt x="2578" y="21628"/>
                </a:lnTo>
                <a:lnTo>
                  <a:pt x="0" y="36271"/>
                </a:lnTo>
                <a:lnTo>
                  <a:pt x="2679" y="50825"/>
                </a:lnTo>
                <a:lnTo>
                  <a:pt x="10172" y="62090"/>
                </a:lnTo>
                <a:lnTo>
                  <a:pt x="21628" y="69380"/>
                </a:lnTo>
                <a:lnTo>
                  <a:pt x="36169" y="71958"/>
                </a:lnTo>
                <a:lnTo>
                  <a:pt x="43573" y="71221"/>
                </a:lnTo>
                <a:lnTo>
                  <a:pt x="50495" y="68986"/>
                </a:lnTo>
                <a:lnTo>
                  <a:pt x="56642" y="65189"/>
                </a:lnTo>
                <a:lnTo>
                  <a:pt x="61696" y="59778"/>
                </a:lnTo>
                <a:close/>
              </a:path>
              <a:path w="697864" h="72390">
                <a:moveTo>
                  <a:pt x="138785" y="35509"/>
                </a:moveTo>
                <a:lnTo>
                  <a:pt x="136283" y="21259"/>
                </a:lnTo>
                <a:lnTo>
                  <a:pt x="129705" y="11036"/>
                </a:lnTo>
                <a:lnTo>
                  <a:pt x="128993" y="9931"/>
                </a:lnTo>
                <a:lnTo>
                  <a:pt x="126098" y="8064"/>
                </a:lnTo>
                <a:lnTo>
                  <a:pt x="126098" y="35509"/>
                </a:lnTo>
                <a:lnTo>
                  <a:pt x="124485" y="45351"/>
                </a:lnTo>
                <a:lnTo>
                  <a:pt x="119849" y="53441"/>
                </a:lnTo>
                <a:lnTo>
                  <a:pt x="112433" y="58928"/>
                </a:lnTo>
                <a:lnTo>
                  <a:pt x="102501" y="60934"/>
                </a:lnTo>
                <a:lnTo>
                  <a:pt x="92608" y="58928"/>
                </a:lnTo>
                <a:lnTo>
                  <a:pt x="85229" y="53479"/>
                </a:lnTo>
                <a:lnTo>
                  <a:pt x="80606" y="45389"/>
                </a:lnTo>
                <a:lnTo>
                  <a:pt x="78994" y="35509"/>
                </a:lnTo>
                <a:lnTo>
                  <a:pt x="80695" y="25971"/>
                </a:lnTo>
                <a:lnTo>
                  <a:pt x="85483" y="18186"/>
                </a:lnTo>
                <a:lnTo>
                  <a:pt x="92875" y="12954"/>
                </a:lnTo>
                <a:lnTo>
                  <a:pt x="102400" y="11036"/>
                </a:lnTo>
                <a:lnTo>
                  <a:pt x="112014" y="12890"/>
                </a:lnTo>
                <a:lnTo>
                  <a:pt x="119507" y="18008"/>
                </a:lnTo>
                <a:lnTo>
                  <a:pt x="124358" y="25768"/>
                </a:lnTo>
                <a:lnTo>
                  <a:pt x="126098" y="35509"/>
                </a:lnTo>
                <a:lnTo>
                  <a:pt x="126098" y="8064"/>
                </a:lnTo>
                <a:lnTo>
                  <a:pt x="117640" y="2603"/>
                </a:lnTo>
                <a:lnTo>
                  <a:pt x="102882" y="12"/>
                </a:lnTo>
                <a:lnTo>
                  <a:pt x="87071" y="2908"/>
                </a:lnTo>
                <a:lnTo>
                  <a:pt x="75603" y="10744"/>
                </a:lnTo>
                <a:lnTo>
                  <a:pt x="68592" y="22288"/>
                </a:lnTo>
                <a:lnTo>
                  <a:pt x="66230" y="36283"/>
                </a:lnTo>
                <a:lnTo>
                  <a:pt x="68884" y="50787"/>
                </a:lnTo>
                <a:lnTo>
                  <a:pt x="76314" y="62064"/>
                </a:lnTo>
                <a:lnTo>
                  <a:pt x="87693" y="69354"/>
                </a:lnTo>
                <a:lnTo>
                  <a:pt x="102209" y="71958"/>
                </a:lnTo>
                <a:lnTo>
                  <a:pt x="116827" y="69342"/>
                </a:lnTo>
                <a:lnTo>
                  <a:pt x="128435" y="61976"/>
                </a:lnTo>
                <a:lnTo>
                  <a:pt x="129133" y="60934"/>
                </a:lnTo>
                <a:lnTo>
                  <a:pt x="136093" y="50584"/>
                </a:lnTo>
                <a:lnTo>
                  <a:pt x="138785" y="36283"/>
                </a:lnTo>
                <a:lnTo>
                  <a:pt x="138785" y="35509"/>
                </a:lnTo>
                <a:close/>
              </a:path>
              <a:path w="697864" h="72390">
                <a:moveTo>
                  <a:pt x="202082" y="70218"/>
                </a:moveTo>
                <a:lnTo>
                  <a:pt x="184658" y="41198"/>
                </a:lnTo>
                <a:lnTo>
                  <a:pt x="183908" y="39954"/>
                </a:lnTo>
                <a:lnTo>
                  <a:pt x="193573" y="38582"/>
                </a:lnTo>
                <a:lnTo>
                  <a:pt x="199771" y="31635"/>
                </a:lnTo>
                <a:lnTo>
                  <a:pt x="199771" y="30759"/>
                </a:lnTo>
                <a:lnTo>
                  <a:pt x="199771" y="21386"/>
                </a:lnTo>
                <a:lnTo>
                  <a:pt x="197739" y="12192"/>
                </a:lnTo>
                <a:lnTo>
                  <a:pt x="197688" y="12001"/>
                </a:lnTo>
                <a:lnTo>
                  <a:pt x="192125" y="5956"/>
                </a:lnTo>
                <a:lnTo>
                  <a:pt x="186994" y="3886"/>
                </a:lnTo>
                <a:lnTo>
                  <a:pt x="186994" y="13449"/>
                </a:lnTo>
                <a:lnTo>
                  <a:pt x="186994" y="29794"/>
                </a:lnTo>
                <a:lnTo>
                  <a:pt x="179654" y="30759"/>
                </a:lnTo>
                <a:lnTo>
                  <a:pt x="162636" y="30759"/>
                </a:lnTo>
                <a:lnTo>
                  <a:pt x="162636" y="12192"/>
                </a:lnTo>
                <a:lnTo>
                  <a:pt x="179946" y="12192"/>
                </a:lnTo>
                <a:lnTo>
                  <a:pt x="186994" y="13449"/>
                </a:lnTo>
                <a:lnTo>
                  <a:pt x="186994" y="3886"/>
                </a:lnTo>
                <a:lnTo>
                  <a:pt x="184099" y="2717"/>
                </a:lnTo>
                <a:lnTo>
                  <a:pt x="174625" y="1752"/>
                </a:lnTo>
                <a:lnTo>
                  <a:pt x="150431" y="1752"/>
                </a:lnTo>
                <a:lnTo>
                  <a:pt x="150431" y="70218"/>
                </a:lnTo>
                <a:lnTo>
                  <a:pt x="162636" y="70218"/>
                </a:lnTo>
                <a:lnTo>
                  <a:pt x="162636" y="41198"/>
                </a:lnTo>
                <a:lnTo>
                  <a:pt x="171538" y="41198"/>
                </a:lnTo>
                <a:lnTo>
                  <a:pt x="187388" y="70218"/>
                </a:lnTo>
                <a:lnTo>
                  <a:pt x="202082" y="70218"/>
                </a:lnTo>
                <a:close/>
              </a:path>
              <a:path w="697864" h="72390">
                <a:moveTo>
                  <a:pt x="259613" y="21386"/>
                </a:moveTo>
                <a:lnTo>
                  <a:pt x="257263" y="12192"/>
                </a:lnTo>
                <a:lnTo>
                  <a:pt x="256984" y="11099"/>
                </a:lnTo>
                <a:lnTo>
                  <a:pt x="250532" y="5156"/>
                </a:lnTo>
                <a:lnTo>
                  <a:pt x="246837" y="3911"/>
                </a:lnTo>
                <a:lnTo>
                  <a:pt x="246837" y="15290"/>
                </a:lnTo>
                <a:lnTo>
                  <a:pt x="246837" y="30670"/>
                </a:lnTo>
                <a:lnTo>
                  <a:pt x="238633" y="31445"/>
                </a:lnTo>
                <a:lnTo>
                  <a:pt x="223532" y="31445"/>
                </a:lnTo>
                <a:lnTo>
                  <a:pt x="223532" y="12192"/>
                </a:lnTo>
                <a:lnTo>
                  <a:pt x="242100" y="12192"/>
                </a:lnTo>
                <a:lnTo>
                  <a:pt x="246837" y="15290"/>
                </a:lnTo>
                <a:lnTo>
                  <a:pt x="246837" y="3911"/>
                </a:lnTo>
                <a:lnTo>
                  <a:pt x="242430" y="2413"/>
                </a:lnTo>
                <a:lnTo>
                  <a:pt x="234861" y="1752"/>
                </a:lnTo>
                <a:lnTo>
                  <a:pt x="211353" y="1752"/>
                </a:lnTo>
                <a:lnTo>
                  <a:pt x="211353" y="70218"/>
                </a:lnTo>
                <a:lnTo>
                  <a:pt x="223532" y="70218"/>
                </a:lnTo>
                <a:lnTo>
                  <a:pt x="223532" y="41884"/>
                </a:lnTo>
                <a:lnTo>
                  <a:pt x="232918" y="41884"/>
                </a:lnTo>
                <a:lnTo>
                  <a:pt x="244805" y="40690"/>
                </a:lnTo>
                <a:lnTo>
                  <a:pt x="253123" y="36995"/>
                </a:lnTo>
                <a:lnTo>
                  <a:pt x="257378" y="31445"/>
                </a:lnTo>
                <a:lnTo>
                  <a:pt x="258013" y="30619"/>
                </a:lnTo>
                <a:lnTo>
                  <a:pt x="259613" y="21386"/>
                </a:lnTo>
                <a:close/>
              </a:path>
              <a:path w="697864" h="72390">
                <a:moveTo>
                  <a:pt x="339305" y="35509"/>
                </a:moveTo>
                <a:lnTo>
                  <a:pt x="336804" y="21259"/>
                </a:lnTo>
                <a:lnTo>
                  <a:pt x="330225" y="11036"/>
                </a:lnTo>
                <a:lnTo>
                  <a:pt x="329514" y="9931"/>
                </a:lnTo>
                <a:lnTo>
                  <a:pt x="326618" y="8064"/>
                </a:lnTo>
                <a:lnTo>
                  <a:pt x="326618" y="35509"/>
                </a:lnTo>
                <a:lnTo>
                  <a:pt x="325005" y="45351"/>
                </a:lnTo>
                <a:lnTo>
                  <a:pt x="320357" y="53441"/>
                </a:lnTo>
                <a:lnTo>
                  <a:pt x="312940" y="58928"/>
                </a:lnTo>
                <a:lnTo>
                  <a:pt x="303022" y="60934"/>
                </a:lnTo>
                <a:lnTo>
                  <a:pt x="293128" y="58928"/>
                </a:lnTo>
                <a:lnTo>
                  <a:pt x="285750" y="53479"/>
                </a:lnTo>
                <a:lnTo>
                  <a:pt x="281114" y="45389"/>
                </a:lnTo>
                <a:lnTo>
                  <a:pt x="279514" y="35509"/>
                </a:lnTo>
                <a:lnTo>
                  <a:pt x="281216" y="25971"/>
                </a:lnTo>
                <a:lnTo>
                  <a:pt x="285991" y="18186"/>
                </a:lnTo>
                <a:lnTo>
                  <a:pt x="293382" y="12954"/>
                </a:lnTo>
                <a:lnTo>
                  <a:pt x="302920" y="11036"/>
                </a:lnTo>
                <a:lnTo>
                  <a:pt x="312534" y="12890"/>
                </a:lnTo>
                <a:lnTo>
                  <a:pt x="320027" y="18008"/>
                </a:lnTo>
                <a:lnTo>
                  <a:pt x="324878" y="25768"/>
                </a:lnTo>
                <a:lnTo>
                  <a:pt x="326618" y="35509"/>
                </a:lnTo>
                <a:lnTo>
                  <a:pt x="326618" y="8064"/>
                </a:lnTo>
                <a:lnTo>
                  <a:pt x="318160" y="2603"/>
                </a:lnTo>
                <a:lnTo>
                  <a:pt x="303403" y="12"/>
                </a:lnTo>
                <a:lnTo>
                  <a:pt x="287591" y="2908"/>
                </a:lnTo>
                <a:lnTo>
                  <a:pt x="276123" y="10744"/>
                </a:lnTo>
                <a:lnTo>
                  <a:pt x="269113" y="22288"/>
                </a:lnTo>
                <a:lnTo>
                  <a:pt x="266750" y="36283"/>
                </a:lnTo>
                <a:lnTo>
                  <a:pt x="269405" y="50787"/>
                </a:lnTo>
                <a:lnTo>
                  <a:pt x="276834" y="62064"/>
                </a:lnTo>
                <a:lnTo>
                  <a:pt x="288213" y="69354"/>
                </a:lnTo>
                <a:lnTo>
                  <a:pt x="302729" y="71958"/>
                </a:lnTo>
                <a:lnTo>
                  <a:pt x="317347" y="69342"/>
                </a:lnTo>
                <a:lnTo>
                  <a:pt x="328955" y="61976"/>
                </a:lnTo>
                <a:lnTo>
                  <a:pt x="329653" y="60934"/>
                </a:lnTo>
                <a:lnTo>
                  <a:pt x="336613" y="50584"/>
                </a:lnTo>
                <a:lnTo>
                  <a:pt x="339305" y="36283"/>
                </a:lnTo>
                <a:lnTo>
                  <a:pt x="339305" y="35509"/>
                </a:lnTo>
                <a:close/>
              </a:path>
              <a:path w="697864" h="72390">
                <a:moveTo>
                  <a:pt x="402602" y="70218"/>
                </a:moveTo>
                <a:lnTo>
                  <a:pt x="385178" y="41198"/>
                </a:lnTo>
                <a:lnTo>
                  <a:pt x="384429" y="39954"/>
                </a:lnTo>
                <a:lnTo>
                  <a:pt x="394093" y="38582"/>
                </a:lnTo>
                <a:lnTo>
                  <a:pt x="400291" y="31635"/>
                </a:lnTo>
                <a:lnTo>
                  <a:pt x="400291" y="30759"/>
                </a:lnTo>
                <a:lnTo>
                  <a:pt x="400291" y="21386"/>
                </a:lnTo>
                <a:lnTo>
                  <a:pt x="398259" y="12192"/>
                </a:lnTo>
                <a:lnTo>
                  <a:pt x="398208" y="12001"/>
                </a:lnTo>
                <a:lnTo>
                  <a:pt x="392645" y="5956"/>
                </a:lnTo>
                <a:lnTo>
                  <a:pt x="387515" y="3886"/>
                </a:lnTo>
                <a:lnTo>
                  <a:pt x="387515" y="13449"/>
                </a:lnTo>
                <a:lnTo>
                  <a:pt x="387515" y="29794"/>
                </a:lnTo>
                <a:lnTo>
                  <a:pt x="380174" y="30759"/>
                </a:lnTo>
                <a:lnTo>
                  <a:pt x="363156" y="30759"/>
                </a:lnTo>
                <a:lnTo>
                  <a:pt x="363156" y="12192"/>
                </a:lnTo>
                <a:lnTo>
                  <a:pt x="380466" y="12192"/>
                </a:lnTo>
                <a:lnTo>
                  <a:pt x="387515" y="13449"/>
                </a:lnTo>
                <a:lnTo>
                  <a:pt x="387515" y="3886"/>
                </a:lnTo>
                <a:lnTo>
                  <a:pt x="384619" y="2717"/>
                </a:lnTo>
                <a:lnTo>
                  <a:pt x="375145" y="1752"/>
                </a:lnTo>
                <a:lnTo>
                  <a:pt x="350951" y="1752"/>
                </a:lnTo>
                <a:lnTo>
                  <a:pt x="350951" y="70218"/>
                </a:lnTo>
                <a:lnTo>
                  <a:pt x="363156" y="70218"/>
                </a:lnTo>
                <a:lnTo>
                  <a:pt x="363156" y="41198"/>
                </a:lnTo>
                <a:lnTo>
                  <a:pt x="372059" y="41198"/>
                </a:lnTo>
                <a:lnTo>
                  <a:pt x="387908" y="70218"/>
                </a:lnTo>
                <a:lnTo>
                  <a:pt x="402602" y="70218"/>
                </a:lnTo>
                <a:close/>
              </a:path>
              <a:path w="697864" h="72390">
                <a:moveTo>
                  <a:pt x="474065" y="70218"/>
                </a:moveTo>
                <a:lnTo>
                  <a:pt x="467309" y="54546"/>
                </a:lnTo>
                <a:lnTo>
                  <a:pt x="462813" y="44107"/>
                </a:lnTo>
                <a:lnTo>
                  <a:pt x="450811" y="16243"/>
                </a:lnTo>
                <a:lnTo>
                  <a:pt x="449491" y="13182"/>
                </a:lnTo>
                <a:lnTo>
                  <a:pt x="449491" y="44107"/>
                </a:lnTo>
                <a:lnTo>
                  <a:pt x="428218" y="44107"/>
                </a:lnTo>
                <a:lnTo>
                  <a:pt x="438962" y="16243"/>
                </a:lnTo>
                <a:lnTo>
                  <a:pt x="449491" y="44107"/>
                </a:lnTo>
                <a:lnTo>
                  <a:pt x="449491" y="13182"/>
                </a:lnTo>
                <a:lnTo>
                  <a:pt x="444563" y="1752"/>
                </a:lnTo>
                <a:lnTo>
                  <a:pt x="434022" y="1752"/>
                </a:lnTo>
                <a:lnTo>
                  <a:pt x="404228" y="70218"/>
                </a:lnTo>
                <a:lnTo>
                  <a:pt x="417868" y="70218"/>
                </a:lnTo>
                <a:lnTo>
                  <a:pt x="424065" y="54546"/>
                </a:lnTo>
                <a:lnTo>
                  <a:pt x="453745" y="54546"/>
                </a:lnTo>
                <a:lnTo>
                  <a:pt x="460133" y="70218"/>
                </a:lnTo>
                <a:lnTo>
                  <a:pt x="474065" y="70218"/>
                </a:lnTo>
                <a:close/>
              </a:path>
              <a:path w="697864" h="72390">
                <a:moveTo>
                  <a:pt x="519976" y="1752"/>
                </a:moveTo>
                <a:lnTo>
                  <a:pt x="465823" y="1752"/>
                </a:lnTo>
                <a:lnTo>
                  <a:pt x="465823" y="12776"/>
                </a:lnTo>
                <a:lnTo>
                  <a:pt x="486816" y="12776"/>
                </a:lnTo>
                <a:lnTo>
                  <a:pt x="486816" y="70218"/>
                </a:lnTo>
                <a:lnTo>
                  <a:pt x="498995" y="70218"/>
                </a:lnTo>
                <a:lnTo>
                  <a:pt x="498995" y="12776"/>
                </a:lnTo>
                <a:lnTo>
                  <a:pt x="519976" y="12776"/>
                </a:lnTo>
                <a:lnTo>
                  <a:pt x="519976" y="1752"/>
                </a:lnTo>
                <a:close/>
              </a:path>
              <a:path w="697864" h="72390">
                <a:moveTo>
                  <a:pt x="540169" y="1752"/>
                </a:moveTo>
                <a:lnTo>
                  <a:pt x="527989" y="1752"/>
                </a:lnTo>
                <a:lnTo>
                  <a:pt x="527989" y="70218"/>
                </a:lnTo>
                <a:lnTo>
                  <a:pt x="540169" y="70218"/>
                </a:lnTo>
                <a:lnTo>
                  <a:pt x="540169" y="1752"/>
                </a:lnTo>
                <a:close/>
              </a:path>
              <a:path w="697864" h="72390">
                <a:moveTo>
                  <a:pt x="624052" y="35509"/>
                </a:moveTo>
                <a:lnTo>
                  <a:pt x="621550" y="21259"/>
                </a:lnTo>
                <a:lnTo>
                  <a:pt x="614959" y="11036"/>
                </a:lnTo>
                <a:lnTo>
                  <a:pt x="614248" y="9931"/>
                </a:lnTo>
                <a:lnTo>
                  <a:pt x="611352" y="8064"/>
                </a:lnTo>
                <a:lnTo>
                  <a:pt x="611352" y="35509"/>
                </a:lnTo>
                <a:lnTo>
                  <a:pt x="609739" y="45351"/>
                </a:lnTo>
                <a:lnTo>
                  <a:pt x="605091" y="53441"/>
                </a:lnTo>
                <a:lnTo>
                  <a:pt x="597674" y="58928"/>
                </a:lnTo>
                <a:lnTo>
                  <a:pt x="587756" y="60934"/>
                </a:lnTo>
                <a:lnTo>
                  <a:pt x="577862" y="58928"/>
                </a:lnTo>
                <a:lnTo>
                  <a:pt x="570484" y="53479"/>
                </a:lnTo>
                <a:lnTo>
                  <a:pt x="565861" y="45389"/>
                </a:lnTo>
                <a:lnTo>
                  <a:pt x="564248" y="35509"/>
                </a:lnTo>
                <a:lnTo>
                  <a:pt x="565950" y="25971"/>
                </a:lnTo>
                <a:lnTo>
                  <a:pt x="570725" y="18186"/>
                </a:lnTo>
                <a:lnTo>
                  <a:pt x="578116" y="12954"/>
                </a:lnTo>
                <a:lnTo>
                  <a:pt x="587654" y="11036"/>
                </a:lnTo>
                <a:lnTo>
                  <a:pt x="597268" y="12890"/>
                </a:lnTo>
                <a:lnTo>
                  <a:pt x="604761" y="18008"/>
                </a:lnTo>
                <a:lnTo>
                  <a:pt x="609612" y="25768"/>
                </a:lnTo>
                <a:lnTo>
                  <a:pt x="611352" y="35509"/>
                </a:lnTo>
                <a:lnTo>
                  <a:pt x="611352" y="8064"/>
                </a:lnTo>
                <a:lnTo>
                  <a:pt x="602894" y="2603"/>
                </a:lnTo>
                <a:lnTo>
                  <a:pt x="588137" y="12"/>
                </a:lnTo>
                <a:lnTo>
                  <a:pt x="572325" y="2908"/>
                </a:lnTo>
                <a:lnTo>
                  <a:pt x="560857" y="10744"/>
                </a:lnTo>
                <a:lnTo>
                  <a:pt x="553847" y="22288"/>
                </a:lnTo>
                <a:lnTo>
                  <a:pt x="551484" y="36283"/>
                </a:lnTo>
                <a:lnTo>
                  <a:pt x="554139" y="50787"/>
                </a:lnTo>
                <a:lnTo>
                  <a:pt x="561568" y="62064"/>
                </a:lnTo>
                <a:lnTo>
                  <a:pt x="572947" y="69354"/>
                </a:lnTo>
                <a:lnTo>
                  <a:pt x="587463" y="71958"/>
                </a:lnTo>
                <a:lnTo>
                  <a:pt x="602081" y="69342"/>
                </a:lnTo>
                <a:lnTo>
                  <a:pt x="613702" y="61976"/>
                </a:lnTo>
                <a:lnTo>
                  <a:pt x="614387" y="60934"/>
                </a:lnTo>
                <a:lnTo>
                  <a:pt x="621360" y="50584"/>
                </a:lnTo>
                <a:lnTo>
                  <a:pt x="624052" y="36283"/>
                </a:lnTo>
                <a:lnTo>
                  <a:pt x="624052" y="35509"/>
                </a:lnTo>
                <a:close/>
              </a:path>
              <a:path w="697864" h="72390">
                <a:moveTo>
                  <a:pt x="697395" y="1752"/>
                </a:moveTo>
                <a:lnTo>
                  <a:pt x="685215" y="1752"/>
                </a:lnTo>
                <a:lnTo>
                  <a:pt x="685215" y="52616"/>
                </a:lnTo>
                <a:lnTo>
                  <a:pt x="685025" y="52616"/>
                </a:lnTo>
                <a:lnTo>
                  <a:pt x="651852" y="1752"/>
                </a:lnTo>
                <a:lnTo>
                  <a:pt x="635698" y="1752"/>
                </a:lnTo>
                <a:lnTo>
                  <a:pt x="635698" y="70218"/>
                </a:lnTo>
                <a:lnTo>
                  <a:pt x="647877" y="70218"/>
                </a:lnTo>
                <a:lnTo>
                  <a:pt x="647877" y="17703"/>
                </a:lnTo>
                <a:lnTo>
                  <a:pt x="648081" y="17703"/>
                </a:lnTo>
                <a:lnTo>
                  <a:pt x="681926" y="70218"/>
                </a:lnTo>
                <a:lnTo>
                  <a:pt x="697395" y="70218"/>
                </a:lnTo>
                <a:lnTo>
                  <a:pt x="697395" y="1752"/>
                </a:lnTo>
                <a:close/>
              </a:path>
            </a:pathLst>
          </a:custGeom>
          <a:solidFill>
            <a:srgbClr val="CF202E"/>
          </a:solidFill>
        </p:spPr>
        <p:txBody>
          <a:bodyPr wrap="square" lIns="0" tIns="0" rIns="0" bIns="0" rtlCol="0"/>
          <a:lstStyle/>
          <a:p>
            <a:endParaRPr sz="1091"/>
          </a:p>
        </p:txBody>
      </p:sp>
      <p:sp>
        <p:nvSpPr>
          <p:cNvPr id="9" name="object 3">
            <a:extLst>
              <a:ext uri="{FF2B5EF4-FFF2-40B4-BE49-F238E27FC236}">
                <a16:creationId xmlns:a16="http://schemas.microsoft.com/office/drawing/2014/main" id="{8AC0E22B-7683-BD4F-AF35-B14A1B678CDB}"/>
              </a:ext>
            </a:extLst>
          </p:cNvPr>
          <p:cNvSpPr/>
          <p:nvPr/>
        </p:nvSpPr>
        <p:spPr>
          <a:xfrm>
            <a:off x="0" y="0"/>
            <a:ext cx="12192000" cy="6869622"/>
          </a:xfrm>
          <a:custGeom>
            <a:avLst/>
            <a:gdLst/>
            <a:ahLst/>
            <a:cxnLst/>
            <a:rect l="l" t="t" r="r" b="b"/>
            <a:pathLst>
              <a:path w="20072985" h="11308715">
                <a:moveTo>
                  <a:pt x="20072687" y="0"/>
                </a:moveTo>
                <a:lnTo>
                  <a:pt x="0" y="0"/>
                </a:lnTo>
                <a:lnTo>
                  <a:pt x="0" y="11308556"/>
                </a:lnTo>
                <a:lnTo>
                  <a:pt x="20072687" y="11308556"/>
                </a:lnTo>
                <a:lnTo>
                  <a:pt x="20072687" y="0"/>
                </a:lnTo>
                <a:close/>
              </a:path>
            </a:pathLst>
          </a:custGeom>
          <a:solidFill>
            <a:srgbClr val="000000"/>
          </a:solidFill>
        </p:spPr>
        <p:txBody>
          <a:bodyPr wrap="square" lIns="0" tIns="0" rIns="0" bIns="0" rtlCol="0"/>
          <a:lstStyle/>
          <a:p>
            <a:endParaRPr sz="700"/>
          </a:p>
        </p:txBody>
      </p:sp>
      <p:pic>
        <p:nvPicPr>
          <p:cNvPr id="3" name="Picture 2" descr="A group of people sitting around a table&#10;&#10;Description automatically generated with low confidence">
            <a:extLst>
              <a:ext uri="{FF2B5EF4-FFF2-40B4-BE49-F238E27FC236}">
                <a16:creationId xmlns:a16="http://schemas.microsoft.com/office/drawing/2014/main" id="{AC126602-1432-A244-86CF-B4851120FE79}"/>
              </a:ext>
            </a:extLst>
          </p:cNvPr>
          <p:cNvPicPr>
            <a:picLocks noChangeAspect="1"/>
          </p:cNvPicPr>
          <p:nvPr userDrawn="1"/>
        </p:nvPicPr>
        <p:blipFill rotWithShape="1">
          <a:blip r:embed="rId4" cstate="email">
            <a:alphaModFix amt="65000"/>
            <a:extLst>
              <a:ext uri="{28A0092B-C50C-407E-A947-70E740481C1C}">
                <a14:useLocalDpi xmlns:a14="http://schemas.microsoft.com/office/drawing/2010/main"/>
              </a:ext>
            </a:extLst>
          </a:blip>
          <a:srcRect/>
          <a:stretch/>
        </p:blipFill>
        <p:spPr>
          <a:xfrm>
            <a:off x="0" y="0"/>
            <a:ext cx="12192000" cy="6893614"/>
          </a:xfrm>
          <a:prstGeom prst="rect">
            <a:avLst/>
          </a:prstGeom>
        </p:spPr>
      </p:pic>
      <p:sp>
        <p:nvSpPr>
          <p:cNvPr id="11" name="Title 1">
            <a:extLst>
              <a:ext uri="{FF2B5EF4-FFF2-40B4-BE49-F238E27FC236}">
                <a16:creationId xmlns:a16="http://schemas.microsoft.com/office/drawing/2014/main" id="{169EA41C-0E7F-B845-957D-F010947909AA}"/>
              </a:ext>
            </a:extLst>
          </p:cNvPr>
          <p:cNvSpPr>
            <a:spLocks noGrp="1"/>
          </p:cNvSpPr>
          <p:nvPr>
            <p:ph type="title"/>
          </p:nvPr>
        </p:nvSpPr>
        <p:spPr>
          <a:xfrm>
            <a:off x="572219" y="3224214"/>
            <a:ext cx="10515600" cy="763587"/>
          </a:xfrm>
        </p:spPr>
        <p:txBody>
          <a:bodyPr anchor="t" anchorCtr="0"/>
          <a:lstStyle>
            <a:lvl1pPr>
              <a:defRPr sz="4999">
                <a:solidFill>
                  <a:schemeClr val="bg1"/>
                </a:solidFill>
              </a:defRPr>
            </a:lvl1pPr>
          </a:lstStyle>
          <a:p>
            <a:r>
              <a:rPr lang="en-US"/>
              <a:t>Click to edit Master title style</a:t>
            </a:r>
          </a:p>
        </p:txBody>
      </p:sp>
    </p:spTree>
    <p:extLst>
      <p:ext uri="{BB962C8B-B14F-4D97-AF65-F5344CB8AC3E}">
        <p14:creationId xmlns:p14="http://schemas.microsoft.com/office/powerpoint/2010/main" val="1142060068"/>
      </p:ext>
    </p:extLst>
  </p:cSld>
  <p:clrMapOvr>
    <a:masterClrMapping/>
  </p:clrMapOvr>
  <p:transition>
    <p:fade/>
  </p:transition>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5" name="Slide Number Placeholder 4"/>
          <p:cNvSpPr>
            <a:spLocks noGrp="1"/>
          </p:cNvSpPr>
          <p:nvPr>
            <p:ph type="sldNum" sz="quarter" idx="12"/>
          </p:nvPr>
        </p:nvSpPr>
        <p:spPr/>
        <p:txBody>
          <a:bodyPr/>
          <a:lstStyle/>
          <a:p>
            <a:fld id="{EA8D065C-7253-274F-A38C-EFAAAEC662DD}" type="slidenum">
              <a:rPr lang="en-US" smtClean="0"/>
              <a:t>‹#›</a:t>
            </a:fld>
            <a:endParaRPr lang="en-US"/>
          </a:p>
        </p:txBody>
      </p:sp>
      <p:pic>
        <p:nvPicPr>
          <p:cNvPr id="7" name="Picture 6" descr="Icon&#10;&#10;Description automatically generated">
            <a:extLst>
              <a:ext uri="{FF2B5EF4-FFF2-40B4-BE49-F238E27FC236}">
                <a16:creationId xmlns:a16="http://schemas.microsoft.com/office/drawing/2014/main" id="{0C2EB5A5-D3FA-4949-A097-F54A35654472}"/>
              </a:ext>
            </a:extLst>
          </p:cNvPr>
          <p:cNvPicPr>
            <a:picLocks noChangeAspect="1"/>
          </p:cNvPicPr>
          <p:nvPr userDrawn="1"/>
        </p:nvPicPr>
        <p:blipFill rotWithShape="1">
          <a:blip r:embed="rId2" cstate="email">
            <a:duotone>
              <a:schemeClr val="bg2">
                <a:shade val="45000"/>
                <a:satMod val="135000"/>
              </a:schemeClr>
              <a:prstClr val="white"/>
            </a:duotone>
            <a:alphaModFix amt="15000"/>
            <a:extLst>
              <a:ext uri="{28A0092B-C50C-407E-A947-70E740481C1C}">
                <a14:useLocalDpi xmlns:a14="http://schemas.microsoft.com/office/drawing/2010/main"/>
              </a:ext>
            </a:extLst>
          </a:blip>
          <a:srcRect l="10774" t="31193" r="12291" b="21906"/>
          <a:stretch/>
        </p:blipFill>
        <p:spPr>
          <a:xfrm>
            <a:off x="5625367" y="2345366"/>
            <a:ext cx="7667010" cy="5091443"/>
          </a:xfrm>
          <a:prstGeom prst="rect">
            <a:avLst/>
          </a:prstGeom>
        </p:spPr>
      </p:pic>
      <p:sp>
        <p:nvSpPr>
          <p:cNvPr id="14" name="Text Placeholder 13">
            <a:extLst>
              <a:ext uri="{FF2B5EF4-FFF2-40B4-BE49-F238E27FC236}">
                <a16:creationId xmlns:a16="http://schemas.microsoft.com/office/drawing/2014/main" id="{032C3011-0DFE-1345-8788-71D474BCCCCB}"/>
              </a:ext>
            </a:extLst>
          </p:cNvPr>
          <p:cNvSpPr>
            <a:spLocks noGrp="1"/>
          </p:cNvSpPr>
          <p:nvPr>
            <p:ph type="body" sz="quarter" idx="13" hasCustomPrompt="1"/>
          </p:nvPr>
        </p:nvSpPr>
        <p:spPr>
          <a:xfrm>
            <a:off x="602986" y="3158790"/>
            <a:ext cx="2303947" cy="360363"/>
          </a:xfrm>
        </p:spPr>
        <p:txBody>
          <a:bodyPr>
            <a:noAutofit/>
          </a:bodyPr>
          <a:lstStyle>
            <a:lvl1pPr algn="l">
              <a:buNone/>
              <a:defRPr/>
            </a:lvl1pPr>
            <a:lvl2pPr algn="l">
              <a:buNone/>
              <a:defRPr/>
            </a:lvl2pPr>
            <a:lvl3pPr>
              <a:buNone/>
              <a:defRPr/>
            </a:lvl3pPr>
          </a:lstStyle>
          <a:p>
            <a:pPr lvl="0"/>
            <a:r>
              <a:rPr lang="en-US"/>
              <a:t>I’m a subhead.</a:t>
            </a:r>
          </a:p>
        </p:txBody>
      </p:sp>
      <p:sp>
        <p:nvSpPr>
          <p:cNvPr id="16" name="Text Placeholder 13">
            <a:extLst>
              <a:ext uri="{FF2B5EF4-FFF2-40B4-BE49-F238E27FC236}">
                <a16:creationId xmlns:a16="http://schemas.microsoft.com/office/drawing/2014/main" id="{30796A10-57E1-584A-AFCF-1C50FFF139F0}"/>
              </a:ext>
            </a:extLst>
          </p:cNvPr>
          <p:cNvSpPr>
            <a:spLocks noGrp="1"/>
          </p:cNvSpPr>
          <p:nvPr>
            <p:ph type="body" sz="quarter" idx="15" hasCustomPrompt="1"/>
          </p:nvPr>
        </p:nvSpPr>
        <p:spPr>
          <a:xfrm>
            <a:off x="4507484" y="3158790"/>
            <a:ext cx="2303947" cy="360363"/>
          </a:xfrm>
        </p:spPr>
        <p:txBody>
          <a:bodyPr>
            <a:noAutofit/>
          </a:bodyPr>
          <a:lstStyle>
            <a:lvl1pPr algn="l">
              <a:buNone/>
              <a:defRPr/>
            </a:lvl1pPr>
            <a:lvl2pPr algn="l">
              <a:buNone/>
              <a:defRPr/>
            </a:lvl2pPr>
            <a:lvl3pPr>
              <a:buNone/>
              <a:defRPr/>
            </a:lvl3pPr>
          </a:lstStyle>
          <a:p>
            <a:pPr lvl="0"/>
            <a:r>
              <a:rPr lang="en-US"/>
              <a:t>I’m a subhead.</a:t>
            </a:r>
          </a:p>
        </p:txBody>
      </p:sp>
      <p:sp>
        <p:nvSpPr>
          <p:cNvPr id="18" name="Text Placeholder 13">
            <a:extLst>
              <a:ext uri="{FF2B5EF4-FFF2-40B4-BE49-F238E27FC236}">
                <a16:creationId xmlns:a16="http://schemas.microsoft.com/office/drawing/2014/main" id="{94607435-7199-C947-A3E4-E13BBB08E06D}"/>
              </a:ext>
            </a:extLst>
          </p:cNvPr>
          <p:cNvSpPr>
            <a:spLocks noGrp="1"/>
          </p:cNvSpPr>
          <p:nvPr>
            <p:ph type="body" sz="quarter" idx="17" hasCustomPrompt="1"/>
          </p:nvPr>
        </p:nvSpPr>
        <p:spPr>
          <a:xfrm>
            <a:off x="8436052" y="3158790"/>
            <a:ext cx="2303947" cy="360363"/>
          </a:xfrm>
        </p:spPr>
        <p:txBody>
          <a:bodyPr>
            <a:noAutofit/>
          </a:bodyPr>
          <a:lstStyle>
            <a:lvl1pPr algn="l">
              <a:buNone/>
              <a:defRPr/>
            </a:lvl1pPr>
            <a:lvl2pPr algn="l">
              <a:buNone/>
              <a:defRPr/>
            </a:lvl2pPr>
            <a:lvl3pPr>
              <a:buNone/>
              <a:defRPr/>
            </a:lvl3pPr>
          </a:lstStyle>
          <a:p>
            <a:pPr lvl="0"/>
            <a:r>
              <a:rPr lang="en-US"/>
              <a:t>I’m a subhead.</a:t>
            </a:r>
          </a:p>
        </p:txBody>
      </p:sp>
      <p:sp>
        <p:nvSpPr>
          <p:cNvPr id="4" name="Text Placeholder 3">
            <a:extLst>
              <a:ext uri="{FF2B5EF4-FFF2-40B4-BE49-F238E27FC236}">
                <a16:creationId xmlns:a16="http://schemas.microsoft.com/office/drawing/2014/main" id="{6B7F2977-CE17-254B-930F-A920CA97E821}"/>
              </a:ext>
            </a:extLst>
          </p:cNvPr>
          <p:cNvSpPr>
            <a:spLocks noGrp="1"/>
          </p:cNvSpPr>
          <p:nvPr>
            <p:ph type="body" sz="quarter" idx="18"/>
          </p:nvPr>
        </p:nvSpPr>
        <p:spPr>
          <a:xfrm>
            <a:off x="602976" y="3668377"/>
            <a:ext cx="2303956" cy="1179513"/>
          </a:xfrm>
        </p:spPr>
        <p:txBody>
          <a:bodyPr>
            <a:noAutofit/>
          </a:bodyPr>
          <a:lstStyle>
            <a:lvl1pPr>
              <a:lnSpc>
                <a:spcPct val="100000"/>
              </a:lnSpc>
              <a:buNone/>
              <a:defRPr sz="1250"/>
            </a:lvl1pPr>
            <a:lvl2pPr>
              <a:lnSpc>
                <a:spcPct val="100000"/>
              </a:lnSpc>
              <a:buNone/>
              <a:defRPr sz="1250"/>
            </a:lvl2pPr>
            <a:lvl3pPr>
              <a:lnSpc>
                <a:spcPct val="100000"/>
              </a:lnSpc>
              <a:buNone/>
              <a:defRPr sz="1250"/>
            </a:lvl3pPr>
            <a:lvl4pPr>
              <a:lnSpc>
                <a:spcPct val="100000"/>
              </a:lnSpc>
              <a:buNone/>
              <a:defRPr sz="1250"/>
            </a:lvl4pPr>
            <a:lvl5pPr>
              <a:lnSpc>
                <a:spcPct val="100000"/>
              </a:lnSpc>
              <a:buNone/>
              <a:defRPr sz="1250"/>
            </a:lvl5pPr>
          </a:lstStyle>
          <a:p>
            <a:pPr lvl="0"/>
            <a:r>
              <a:rPr lang="en-US"/>
              <a:t>Click to edit Master text styles</a:t>
            </a:r>
          </a:p>
        </p:txBody>
      </p:sp>
      <p:sp>
        <p:nvSpPr>
          <p:cNvPr id="13" name="Text Placeholder 3">
            <a:extLst>
              <a:ext uri="{FF2B5EF4-FFF2-40B4-BE49-F238E27FC236}">
                <a16:creationId xmlns:a16="http://schemas.microsoft.com/office/drawing/2014/main" id="{A3F25850-7EBF-7F45-9830-7A5821C17ED3}"/>
              </a:ext>
            </a:extLst>
          </p:cNvPr>
          <p:cNvSpPr>
            <a:spLocks noGrp="1"/>
          </p:cNvSpPr>
          <p:nvPr>
            <p:ph type="body" sz="quarter" idx="19"/>
          </p:nvPr>
        </p:nvSpPr>
        <p:spPr>
          <a:xfrm>
            <a:off x="4473390" y="3668377"/>
            <a:ext cx="2303956" cy="1179513"/>
          </a:xfrm>
        </p:spPr>
        <p:txBody>
          <a:bodyPr>
            <a:noAutofit/>
          </a:bodyPr>
          <a:lstStyle>
            <a:lvl1pPr>
              <a:lnSpc>
                <a:spcPct val="100000"/>
              </a:lnSpc>
              <a:buNone/>
              <a:defRPr sz="1250"/>
            </a:lvl1pPr>
            <a:lvl2pPr>
              <a:lnSpc>
                <a:spcPct val="100000"/>
              </a:lnSpc>
              <a:buNone/>
              <a:defRPr sz="1250"/>
            </a:lvl2pPr>
            <a:lvl3pPr>
              <a:lnSpc>
                <a:spcPct val="100000"/>
              </a:lnSpc>
              <a:buNone/>
              <a:defRPr sz="1250"/>
            </a:lvl3pPr>
            <a:lvl4pPr>
              <a:lnSpc>
                <a:spcPct val="100000"/>
              </a:lnSpc>
              <a:buNone/>
              <a:defRPr sz="1250"/>
            </a:lvl4pPr>
            <a:lvl5pPr>
              <a:lnSpc>
                <a:spcPct val="100000"/>
              </a:lnSpc>
              <a:buNone/>
              <a:defRPr sz="1250"/>
            </a:lvl5pPr>
          </a:lstStyle>
          <a:p>
            <a:pPr lvl="0"/>
            <a:r>
              <a:rPr lang="en-US"/>
              <a:t>Click to edit Master text styles</a:t>
            </a:r>
          </a:p>
        </p:txBody>
      </p:sp>
      <p:sp>
        <p:nvSpPr>
          <p:cNvPr id="20" name="Text Placeholder 3">
            <a:extLst>
              <a:ext uri="{FF2B5EF4-FFF2-40B4-BE49-F238E27FC236}">
                <a16:creationId xmlns:a16="http://schemas.microsoft.com/office/drawing/2014/main" id="{42FDFF52-F900-F248-994E-7B7D49464E71}"/>
              </a:ext>
            </a:extLst>
          </p:cNvPr>
          <p:cNvSpPr>
            <a:spLocks noGrp="1"/>
          </p:cNvSpPr>
          <p:nvPr>
            <p:ph type="body" sz="quarter" idx="20"/>
          </p:nvPr>
        </p:nvSpPr>
        <p:spPr>
          <a:xfrm>
            <a:off x="8411982" y="3668377"/>
            <a:ext cx="2303956" cy="1179513"/>
          </a:xfrm>
        </p:spPr>
        <p:txBody>
          <a:bodyPr>
            <a:noAutofit/>
          </a:bodyPr>
          <a:lstStyle>
            <a:lvl1pPr>
              <a:lnSpc>
                <a:spcPct val="100000"/>
              </a:lnSpc>
              <a:buNone/>
              <a:defRPr sz="1250"/>
            </a:lvl1pPr>
            <a:lvl2pPr>
              <a:lnSpc>
                <a:spcPct val="100000"/>
              </a:lnSpc>
              <a:buNone/>
              <a:defRPr sz="1250"/>
            </a:lvl2pPr>
            <a:lvl3pPr>
              <a:lnSpc>
                <a:spcPct val="100000"/>
              </a:lnSpc>
              <a:buNone/>
              <a:defRPr sz="1250"/>
            </a:lvl3pPr>
            <a:lvl4pPr>
              <a:lnSpc>
                <a:spcPct val="100000"/>
              </a:lnSpc>
              <a:buNone/>
              <a:defRPr sz="1250"/>
            </a:lvl4pPr>
            <a:lvl5pPr>
              <a:lnSpc>
                <a:spcPct val="100000"/>
              </a:lnSpc>
              <a:buNone/>
              <a:defRPr sz="1250"/>
            </a:lvl5pPr>
          </a:lstStyle>
          <a:p>
            <a:pPr lvl="0"/>
            <a:r>
              <a:rPr lang="en-US"/>
              <a:t>Click to edit Master text styles</a:t>
            </a:r>
          </a:p>
        </p:txBody>
      </p:sp>
    </p:spTree>
    <p:extLst>
      <p:ext uri="{BB962C8B-B14F-4D97-AF65-F5344CB8AC3E}">
        <p14:creationId xmlns:p14="http://schemas.microsoft.com/office/powerpoint/2010/main" val="1270444636"/>
      </p:ext>
    </p:extLst>
  </p:cSld>
  <p:clrMapOvr>
    <a:masterClrMapping/>
  </p:clrMapOvr>
  <p:transition>
    <p:fade/>
  </p:transition>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5" name="Slide Number Placeholder 4"/>
          <p:cNvSpPr>
            <a:spLocks noGrp="1"/>
          </p:cNvSpPr>
          <p:nvPr>
            <p:ph type="sldNum" sz="quarter" idx="12"/>
          </p:nvPr>
        </p:nvSpPr>
        <p:spPr/>
        <p:txBody>
          <a:bodyPr/>
          <a:lstStyle/>
          <a:p>
            <a:fld id="{EA8D065C-7253-274F-A38C-EFAAAEC662DD}" type="slidenum">
              <a:rPr lang="en-US" smtClean="0"/>
              <a:t>‹#›</a:t>
            </a:fld>
            <a:endParaRPr lang="en-US"/>
          </a:p>
        </p:txBody>
      </p:sp>
      <p:sp>
        <p:nvSpPr>
          <p:cNvPr id="10" name="Text Placeholder 13">
            <a:extLst>
              <a:ext uri="{FF2B5EF4-FFF2-40B4-BE49-F238E27FC236}">
                <a16:creationId xmlns:a16="http://schemas.microsoft.com/office/drawing/2014/main" id="{5C93BB0A-FCEB-7340-B927-2C7455048E82}"/>
              </a:ext>
            </a:extLst>
          </p:cNvPr>
          <p:cNvSpPr>
            <a:spLocks noGrp="1"/>
          </p:cNvSpPr>
          <p:nvPr>
            <p:ph type="body" sz="quarter" idx="13" hasCustomPrompt="1"/>
          </p:nvPr>
        </p:nvSpPr>
        <p:spPr>
          <a:xfrm>
            <a:off x="602986" y="3158790"/>
            <a:ext cx="2303947" cy="360363"/>
          </a:xfrm>
        </p:spPr>
        <p:txBody>
          <a:bodyPr>
            <a:noAutofit/>
          </a:bodyPr>
          <a:lstStyle>
            <a:lvl1pPr algn="l">
              <a:buNone/>
              <a:defRPr/>
            </a:lvl1pPr>
            <a:lvl2pPr algn="l">
              <a:buNone/>
              <a:defRPr/>
            </a:lvl2pPr>
            <a:lvl3pPr>
              <a:buNone/>
              <a:defRPr/>
            </a:lvl3pPr>
          </a:lstStyle>
          <a:p>
            <a:pPr lvl="0"/>
            <a:r>
              <a:rPr lang="en-US"/>
              <a:t>I’m a subhead.</a:t>
            </a:r>
          </a:p>
        </p:txBody>
      </p:sp>
      <p:sp>
        <p:nvSpPr>
          <p:cNvPr id="11" name="Text Placeholder 13">
            <a:extLst>
              <a:ext uri="{FF2B5EF4-FFF2-40B4-BE49-F238E27FC236}">
                <a16:creationId xmlns:a16="http://schemas.microsoft.com/office/drawing/2014/main" id="{CAD41EF2-3F17-124D-ADC6-CA39E0A917A6}"/>
              </a:ext>
            </a:extLst>
          </p:cNvPr>
          <p:cNvSpPr>
            <a:spLocks noGrp="1"/>
          </p:cNvSpPr>
          <p:nvPr>
            <p:ph type="body" sz="quarter" idx="15" hasCustomPrompt="1"/>
          </p:nvPr>
        </p:nvSpPr>
        <p:spPr>
          <a:xfrm>
            <a:off x="4507484" y="3158790"/>
            <a:ext cx="2303947" cy="360363"/>
          </a:xfrm>
        </p:spPr>
        <p:txBody>
          <a:bodyPr>
            <a:noAutofit/>
          </a:bodyPr>
          <a:lstStyle>
            <a:lvl1pPr algn="l">
              <a:buNone/>
              <a:defRPr/>
            </a:lvl1pPr>
            <a:lvl2pPr algn="l">
              <a:buNone/>
              <a:defRPr/>
            </a:lvl2pPr>
            <a:lvl3pPr>
              <a:buNone/>
              <a:defRPr/>
            </a:lvl3pPr>
          </a:lstStyle>
          <a:p>
            <a:pPr lvl="0"/>
            <a:r>
              <a:rPr lang="en-US"/>
              <a:t>I’m a subhead.</a:t>
            </a:r>
          </a:p>
        </p:txBody>
      </p:sp>
      <p:sp>
        <p:nvSpPr>
          <p:cNvPr id="12" name="Text Placeholder 13">
            <a:extLst>
              <a:ext uri="{FF2B5EF4-FFF2-40B4-BE49-F238E27FC236}">
                <a16:creationId xmlns:a16="http://schemas.microsoft.com/office/drawing/2014/main" id="{703FA2EC-180C-B642-BFBE-6DF9A5A7E2CA}"/>
              </a:ext>
            </a:extLst>
          </p:cNvPr>
          <p:cNvSpPr>
            <a:spLocks noGrp="1"/>
          </p:cNvSpPr>
          <p:nvPr>
            <p:ph type="body" sz="quarter" idx="17" hasCustomPrompt="1"/>
          </p:nvPr>
        </p:nvSpPr>
        <p:spPr>
          <a:xfrm>
            <a:off x="8436052" y="3158790"/>
            <a:ext cx="2303947" cy="360363"/>
          </a:xfrm>
        </p:spPr>
        <p:txBody>
          <a:bodyPr>
            <a:noAutofit/>
          </a:bodyPr>
          <a:lstStyle>
            <a:lvl1pPr algn="l">
              <a:buNone/>
              <a:defRPr/>
            </a:lvl1pPr>
            <a:lvl2pPr algn="l">
              <a:buNone/>
              <a:defRPr/>
            </a:lvl2pPr>
            <a:lvl3pPr>
              <a:buNone/>
              <a:defRPr/>
            </a:lvl3pPr>
          </a:lstStyle>
          <a:p>
            <a:pPr lvl="0"/>
            <a:r>
              <a:rPr lang="en-US"/>
              <a:t>I’m a subhead.</a:t>
            </a:r>
          </a:p>
        </p:txBody>
      </p:sp>
      <p:sp>
        <p:nvSpPr>
          <p:cNvPr id="13" name="Text Placeholder 3">
            <a:extLst>
              <a:ext uri="{FF2B5EF4-FFF2-40B4-BE49-F238E27FC236}">
                <a16:creationId xmlns:a16="http://schemas.microsoft.com/office/drawing/2014/main" id="{02B9B165-F7E2-4146-A00E-99B5770A546B}"/>
              </a:ext>
            </a:extLst>
          </p:cNvPr>
          <p:cNvSpPr>
            <a:spLocks noGrp="1"/>
          </p:cNvSpPr>
          <p:nvPr>
            <p:ph type="body" sz="quarter" idx="18"/>
          </p:nvPr>
        </p:nvSpPr>
        <p:spPr>
          <a:xfrm>
            <a:off x="602976" y="3668377"/>
            <a:ext cx="2303956" cy="1179513"/>
          </a:xfrm>
        </p:spPr>
        <p:txBody>
          <a:bodyPr>
            <a:noAutofit/>
          </a:bodyPr>
          <a:lstStyle>
            <a:lvl1pPr>
              <a:lnSpc>
                <a:spcPct val="100000"/>
              </a:lnSpc>
              <a:buNone/>
              <a:defRPr sz="1250"/>
            </a:lvl1pPr>
            <a:lvl2pPr>
              <a:lnSpc>
                <a:spcPct val="100000"/>
              </a:lnSpc>
              <a:buNone/>
              <a:defRPr sz="1250"/>
            </a:lvl2pPr>
            <a:lvl3pPr>
              <a:lnSpc>
                <a:spcPct val="100000"/>
              </a:lnSpc>
              <a:buNone/>
              <a:defRPr sz="1250"/>
            </a:lvl3pPr>
            <a:lvl4pPr>
              <a:lnSpc>
                <a:spcPct val="100000"/>
              </a:lnSpc>
              <a:buNone/>
              <a:defRPr sz="1250"/>
            </a:lvl4pPr>
            <a:lvl5pPr>
              <a:lnSpc>
                <a:spcPct val="100000"/>
              </a:lnSpc>
              <a:buNone/>
              <a:defRPr sz="1250"/>
            </a:lvl5pPr>
          </a:lstStyle>
          <a:p>
            <a:pPr lvl="0"/>
            <a:r>
              <a:rPr lang="en-US"/>
              <a:t>Click to edit Master text styles</a:t>
            </a:r>
          </a:p>
        </p:txBody>
      </p:sp>
      <p:sp>
        <p:nvSpPr>
          <p:cNvPr id="20" name="Text Placeholder 3">
            <a:extLst>
              <a:ext uri="{FF2B5EF4-FFF2-40B4-BE49-F238E27FC236}">
                <a16:creationId xmlns:a16="http://schemas.microsoft.com/office/drawing/2014/main" id="{928A1D58-D74B-764F-8F31-75C1C316761C}"/>
              </a:ext>
            </a:extLst>
          </p:cNvPr>
          <p:cNvSpPr>
            <a:spLocks noGrp="1"/>
          </p:cNvSpPr>
          <p:nvPr>
            <p:ph type="body" sz="quarter" idx="19"/>
          </p:nvPr>
        </p:nvSpPr>
        <p:spPr>
          <a:xfrm>
            <a:off x="4473390" y="3668377"/>
            <a:ext cx="2303956" cy="1179513"/>
          </a:xfrm>
        </p:spPr>
        <p:txBody>
          <a:bodyPr>
            <a:noAutofit/>
          </a:bodyPr>
          <a:lstStyle>
            <a:lvl1pPr>
              <a:lnSpc>
                <a:spcPct val="100000"/>
              </a:lnSpc>
              <a:buNone/>
              <a:defRPr sz="1250"/>
            </a:lvl1pPr>
            <a:lvl2pPr>
              <a:lnSpc>
                <a:spcPct val="100000"/>
              </a:lnSpc>
              <a:buNone/>
              <a:defRPr sz="1250"/>
            </a:lvl2pPr>
            <a:lvl3pPr>
              <a:lnSpc>
                <a:spcPct val="100000"/>
              </a:lnSpc>
              <a:buNone/>
              <a:defRPr sz="1250"/>
            </a:lvl3pPr>
            <a:lvl4pPr>
              <a:lnSpc>
                <a:spcPct val="100000"/>
              </a:lnSpc>
              <a:buNone/>
              <a:defRPr sz="1250"/>
            </a:lvl4pPr>
            <a:lvl5pPr>
              <a:lnSpc>
                <a:spcPct val="100000"/>
              </a:lnSpc>
              <a:buNone/>
              <a:defRPr sz="1250"/>
            </a:lvl5pPr>
          </a:lstStyle>
          <a:p>
            <a:pPr lvl="0"/>
            <a:r>
              <a:rPr lang="en-US"/>
              <a:t>Click to edit Master text styles</a:t>
            </a:r>
          </a:p>
        </p:txBody>
      </p:sp>
      <p:sp>
        <p:nvSpPr>
          <p:cNvPr id="21" name="Text Placeholder 3">
            <a:extLst>
              <a:ext uri="{FF2B5EF4-FFF2-40B4-BE49-F238E27FC236}">
                <a16:creationId xmlns:a16="http://schemas.microsoft.com/office/drawing/2014/main" id="{E437CB65-A656-9045-9E0F-A85F97383D6F}"/>
              </a:ext>
            </a:extLst>
          </p:cNvPr>
          <p:cNvSpPr>
            <a:spLocks noGrp="1"/>
          </p:cNvSpPr>
          <p:nvPr>
            <p:ph type="body" sz="quarter" idx="20"/>
          </p:nvPr>
        </p:nvSpPr>
        <p:spPr>
          <a:xfrm>
            <a:off x="8411982" y="3668377"/>
            <a:ext cx="2303956" cy="1179513"/>
          </a:xfrm>
        </p:spPr>
        <p:txBody>
          <a:bodyPr>
            <a:noAutofit/>
          </a:bodyPr>
          <a:lstStyle>
            <a:lvl1pPr>
              <a:lnSpc>
                <a:spcPct val="100000"/>
              </a:lnSpc>
              <a:buNone/>
              <a:defRPr sz="1250"/>
            </a:lvl1pPr>
            <a:lvl2pPr>
              <a:lnSpc>
                <a:spcPct val="100000"/>
              </a:lnSpc>
              <a:buNone/>
              <a:defRPr sz="1250"/>
            </a:lvl2pPr>
            <a:lvl3pPr>
              <a:lnSpc>
                <a:spcPct val="100000"/>
              </a:lnSpc>
              <a:buNone/>
              <a:defRPr sz="1250"/>
            </a:lvl3pPr>
            <a:lvl4pPr>
              <a:lnSpc>
                <a:spcPct val="100000"/>
              </a:lnSpc>
              <a:buNone/>
              <a:defRPr sz="1250"/>
            </a:lvl4pPr>
            <a:lvl5pPr>
              <a:lnSpc>
                <a:spcPct val="100000"/>
              </a:lnSpc>
              <a:buNone/>
              <a:defRPr sz="1250"/>
            </a:lvl5pPr>
          </a:lstStyle>
          <a:p>
            <a:pPr lvl="0"/>
            <a:r>
              <a:rPr lang="en-US"/>
              <a:t>Click to edit Master text styles</a:t>
            </a:r>
          </a:p>
        </p:txBody>
      </p:sp>
    </p:spTree>
    <p:extLst>
      <p:ext uri="{BB962C8B-B14F-4D97-AF65-F5344CB8AC3E}">
        <p14:creationId xmlns:p14="http://schemas.microsoft.com/office/powerpoint/2010/main" val="3446609544"/>
      </p:ext>
    </p:extLst>
  </p:cSld>
  <p:clrMapOvr>
    <a:masterClrMapping/>
  </p:clrMapOvr>
  <p:transition>
    <p:fade/>
  </p:transition>
</p:sldLayout>
</file>

<file path=ppt/slideLayouts/slideLayout86.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572220" y="1638300"/>
            <a:ext cx="5181600" cy="4538663"/>
          </a:xfrm>
        </p:spPr>
        <p:txBody>
          <a:bodyPr lIns="0" tIns="0" rIns="0" bIns="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381039" y="1638300"/>
            <a:ext cx="5181600" cy="4538663"/>
          </a:xfrm>
        </p:spPr>
        <p:txBody>
          <a:bodyPr lIns="0" tIns="0" rIns="0" bIns="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p:cNvSpPr>
            <a:spLocks noGrp="1"/>
          </p:cNvSpPr>
          <p:nvPr>
            <p:ph type="sldNum" sz="quarter" idx="12"/>
          </p:nvPr>
        </p:nvSpPr>
        <p:spPr>
          <a:xfrm>
            <a:off x="10679309" y="428002"/>
            <a:ext cx="883329" cy="365125"/>
          </a:xfrm>
        </p:spPr>
        <p:txBody>
          <a:bodyPr/>
          <a:lstStyle/>
          <a:p>
            <a:fld id="{EA8D065C-7253-274F-A38C-EFAAAEC662DD}" type="slidenum">
              <a:rPr lang="en-US" smtClean="0"/>
              <a:t>‹#›</a:t>
            </a:fld>
            <a:endParaRPr lang="en-US"/>
          </a:p>
        </p:txBody>
      </p:sp>
    </p:spTree>
    <p:extLst>
      <p:ext uri="{BB962C8B-B14F-4D97-AF65-F5344CB8AC3E}">
        <p14:creationId xmlns:p14="http://schemas.microsoft.com/office/powerpoint/2010/main" val="22284714"/>
      </p:ext>
    </p:extLst>
  </p:cSld>
  <p:clrMapOvr>
    <a:masterClrMapping/>
  </p:clrMapOvr>
  <p:transition>
    <p:fade/>
  </p:transition>
</p:sldLayout>
</file>

<file path=ppt/slideLayouts/slideLayout87.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572219" y="647077"/>
            <a:ext cx="10515600" cy="553870"/>
          </a:xfrm>
        </p:spPr>
        <p:txBody>
          <a:bodyPr/>
          <a:lstStyle/>
          <a:p>
            <a:r>
              <a:rPr lang="en-US"/>
              <a:t>Click to edit Master title style</a:t>
            </a:r>
          </a:p>
        </p:txBody>
      </p:sp>
      <p:sp>
        <p:nvSpPr>
          <p:cNvPr id="3" name="Text Placeholder 2"/>
          <p:cNvSpPr>
            <a:spLocks noGrp="1"/>
          </p:cNvSpPr>
          <p:nvPr>
            <p:ph type="body" idx="1"/>
          </p:nvPr>
        </p:nvSpPr>
        <p:spPr>
          <a:xfrm>
            <a:off x="572220" y="1460218"/>
            <a:ext cx="5157787" cy="532436"/>
          </a:xfrm>
        </p:spPr>
        <p:txBody>
          <a:bodyPr lIns="0" tIns="0" rIns="0" bIns="0" anchor="b">
            <a:noAutofit/>
          </a:bodyPr>
          <a:lstStyle>
            <a:lvl1pPr marL="0" indent="0">
              <a:buNone/>
              <a:defRPr sz="2500" b="1"/>
            </a:lvl1pPr>
            <a:lvl2pPr marL="457109" indent="0">
              <a:buNone/>
              <a:defRPr sz="2000" b="1"/>
            </a:lvl2pPr>
            <a:lvl3pPr marL="914217" indent="0">
              <a:buNone/>
              <a:defRPr sz="1800" b="1"/>
            </a:lvl3pPr>
            <a:lvl4pPr marL="1371326" indent="0">
              <a:buNone/>
              <a:defRPr sz="1600" b="1"/>
            </a:lvl4pPr>
            <a:lvl5pPr marL="1828434" indent="0">
              <a:buNone/>
              <a:defRPr sz="1600" b="1"/>
            </a:lvl5pPr>
            <a:lvl6pPr marL="2285543" indent="0">
              <a:buNone/>
              <a:defRPr sz="1600" b="1"/>
            </a:lvl6pPr>
            <a:lvl7pPr marL="2742651" indent="0">
              <a:buNone/>
              <a:defRPr sz="1600" b="1"/>
            </a:lvl7pPr>
            <a:lvl8pPr marL="3199760" indent="0">
              <a:buNone/>
              <a:defRPr sz="1600" b="1"/>
            </a:lvl8pPr>
            <a:lvl9pPr marL="3656868" indent="0">
              <a:buNone/>
              <a:defRPr sz="1600" b="1"/>
            </a:lvl9pPr>
          </a:lstStyle>
          <a:p>
            <a:pPr lvl="0"/>
            <a:r>
              <a:rPr lang="en-US"/>
              <a:t>Click to edit Master text styles</a:t>
            </a:r>
          </a:p>
        </p:txBody>
      </p:sp>
      <p:sp>
        <p:nvSpPr>
          <p:cNvPr id="4" name="Content Placeholder 3"/>
          <p:cNvSpPr>
            <a:spLocks noGrp="1"/>
          </p:cNvSpPr>
          <p:nvPr>
            <p:ph sz="half" idx="2"/>
          </p:nvPr>
        </p:nvSpPr>
        <p:spPr>
          <a:xfrm>
            <a:off x="572220" y="2191714"/>
            <a:ext cx="5157787" cy="3997949"/>
          </a:xfrm>
        </p:spPr>
        <p:txBody>
          <a:bodyPr lIns="0" tIns="0" rIns="0" bIns="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p:cNvSpPr>
            <a:spLocks noGrp="1"/>
          </p:cNvSpPr>
          <p:nvPr>
            <p:ph type="body" sz="quarter" idx="3"/>
          </p:nvPr>
        </p:nvSpPr>
        <p:spPr>
          <a:xfrm>
            <a:off x="6379450" y="1460218"/>
            <a:ext cx="5183188" cy="532436"/>
          </a:xfrm>
        </p:spPr>
        <p:txBody>
          <a:bodyPr lIns="0" tIns="0" rIns="0" bIns="0" anchor="b">
            <a:noAutofit/>
          </a:bodyPr>
          <a:lstStyle>
            <a:lvl1pPr marL="0" indent="0">
              <a:buNone/>
              <a:defRPr sz="2500" b="1"/>
            </a:lvl1pPr>
            <a:lvl2pPr marL="457109" indent="0">
              <a:buNone/>
              <a:defRPr sz="2000" b="1"/>
            </a:lvl2pPr>
            <a:lvl3pPr marL="914217" indent="0">
              <a:buNone/>
              <a:defRPr sz="1800" b="1"/>
            </a:lvl3pPr>
            <a:lvl4pPr marL="1371326" indent="0">
              <a:buNone/>
              <a:defRPr sz="1600" b="1"/>
            </a:lvl4pPr>
            <a:lvl5pPr marL="1828434" indent="0">
              <a:buNone/>
              <a:defRPr sz="1600" b="1"/>
            </a:lvl5pPr>
            <a:lvl6pPr marL="2285543" indent="0">
              <a:buNone/>
              <a:defRPr sz="1600" b="1"/>
            </a:lvl6pPr>
            <a:lvl7pPr marL="2742651" indent="0">
              <a:buNone/>
              <a:defRPr sz="1600" b="1"/>
            </a:lvl7pPr>
            <a:lvl8pPr marL="3199760" indent="0">
              <a:buNone/>
              <a:defRPr sz="1600" b="1"/>
            </a:lvl8pPr>
            <a:lvl9pPr marL="3656868"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379450" y="2191714"/>
            <a:ext cx="5183188" cy="3997949"/>
          </a:xfrm>
        </p:spPr>
        <p:txBody>
          <a:bodyPr lIns="0" tIns="0" rIns="0" bIns="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Slide Number Placeholder 8"/>
          <p:cNvSpPr>
            <a:spLocks noGrp="1"/>
          </p:cNvSpPr>
          <p:nvPr>
            <p:ph type="sldNum" sz="quarter" idx="12"/>
          </p:nvPr>
        </p:nvSpPr>
        <p:spPr/>
        <p:txBody>
          <a:bodyPr/>
          <a:lstStyle/>
          <a:p>
            <a:fld id="{EA8D065C-7253-274F-A38C-EFAAAEC662DD}" type="slidenum">
              <a:rPr lang="en-US" smtClean="0"/>
              <a:t>‹#›</a:t>
            </a:fld>
            <a:endParaRPr lang="en-US"/>
          </a:p>
        </p:txBody>
      </p:sp>
    </p:spTree>
    <p:extLst>
      <p:ext uri="{BB962C8B-B14F-4D97-AF65-F5344CB8AC3E}">
        <p14:creationId xmlns:p14="http://schemas.microsoft.com/office/powerpoint/2010/main" val="3333267542"/>
      </p:ext>
    </p:extLst>
  </p:cSld>
  <p:clrMapOvr>
    <a:masterClrMapping/>
  </p:clrMapOvr>
  <p:transition>
    <p:fade/>
  </p:transition>
</p:sldLayout>
</file>

<file path=ppt/slideLayouts/slideLayout88.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5" name="Slide Number Placeholder 4"/>
          <p:cNvSpPr>
            <a:spLocks noGrp="1"/>
          </p:cNvSpPr>
          <p:nvPr>
            <p:ph type="sldNum" sz="quarter" idx="12"/>
          </p:nvPr>
        </p:nvSpPr>
        <p:spPr/>
        <p:txBody>
          <a:bodyPr/>
          <a:lstStyle/>
          <a:p>
            <a:fld id="{EA8D065C-7253-274F-A38C-EFAAAEC662DD}" type="slidenum">
              <a:rPr lang="en-US" smtClean="0"/>
              <a:t>‹#›</a:t>
            </a:fld>
            <a:endParaRPr lang="en-US"/>
          </a:p>
        </p:txBody>
      </p:sp>
    </p:spTree>
    <p:extLst>
      <p:ext uri="{BB962C8B-B14F-4D97-AF65-F5344CB8AC3E}">
        <p14:creationId xmlns:p14="http://schemas.microsoft.com/office/powerpoint/2010/main" val="3988448275"/>
      </p:ext>
    </p:extLst>
  </p:cSld>
  <p:clrMapOvr>
    <a:masterClrMapping/>
  </p:clrMapOvr>
  <p:transition>
    <p:fade/>
  </p:transition>
</p:sldLayout>
</file>

<file path=ppt/slideLayouts/slideLayout8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3" name="Footer Placeholder 2"/>
          <p:cNvSpPr>
            <a:spLocks noGrp="1"/>
          </p:cNvSpPr>
          <p:nvPr>
            <p:ph type="ftr" sz="quarter" idx="11"/>
          </p:nvPr>
        </p:nvSpPr>
        <p:spPr>
          <a:xfrm>
            <a:off x="4038600" y="6562726"/>
            <a:ext cx="4114800" cy="142875"/>
          </a:xfrm>
          <a:prstGeom prst="rect">
            <a:avLst/>
          </a:prstGeom>
        </p:spPr>
        <p:txBody>
          <a:bodyPr/>
          <a:lstStyle>
            <a:lvl1pPr algn="ctr">
              <a:defRPr/>
            </a:lvl1pPr>
          </a:lstStyle>
          <a:p>
            <a:r>
              <a:rPr lang="en-US">
                <a:solidFill>
                  <a:srgbClr val="262626"/>
                </a:solidFill>
                <a:latin typeface="Open Sans" panose="020B0606030504020204" pitchFamily="34" charset="0"/>
                <a:ea typeface="Open Sans" panose="020B0606030504020204" pitchFamily="34" charset="0"/>
                <a:cs typeface="Open Sans" panose="020B0606030504020204" pitchFamily="34" charset="0"/>
              </a:rPr>
              <a:t>The ODP Corporation is a trademark of The Office Club, Inc.</a:t>
            </a:r>
          </a:p>
          <a:p>
            <a:pPr algn="ctr"/>
            <a:endParaRPr lang="en-US"/>
          </a:p>
        </p:txBody>
      </p:sp>
    </p:spTree>
    <p:extLst>
      <p:ext uri="{BB962C8B-B14F-4D97-AF65-F5344CB8AC3E}">
        <p14:creationId xmlns:p14="http://schemas.microsoft.com/office/powerpoint/2010/main" val="175851280"/>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type="secHead" preserve="1">
  <p:cSld name="Section Header - Red">
    <p:bg>
      <p:bgPr>
        <a:solidFill>
          <a:schemeClr val="accent5"/>
        </a:solidFill>
        <a:effectLst/>
      </p:bgPr>
    </p:bg>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76AE6643-F370-114A-A92F-8DFDFFA0A7E7}"/>
              </a:ext>
            </a:extLst>
          </p:cNvPr>
          <p:cNvPicPr>
            <a:picLocks noChangeAspect="1"/>
          </p:cNvPicPr>
          <p:nvPr userDrawn="1"/>
        </p:nvPicPr>
        <p:blipFill rotWithShape="1">
          <a:blip r:embed="rId2" cstate="screen">
            <a:alphaModFix amt="20000"/>
            <a:extLst>
              <a:ext uri="{28A0092B-C50C-407E-A947-70E740481C1C}">
                <a14:useLocalDpi xmlns:a14="http://schemas.microsoft.com/office/drawing/2010/main" val="0"/>
              </a:ext>
            </a:extLst>
          </a:blip>
          <a:srcRect/>
          <a:stretch/>
        </p:blipFill>
        <p:spPr>
          <a:xfrm>
            <a:off x="4257208" y="0"/>
            <a:ext cx="7934792" cy="6858000"/>
          </a:xfrm>
          <a:prstGeom prst="rect">
            <a:avLst/>
          </a:prstGeom>
        </p:spPr>
      </p:pic>
      <p:sp>
        <p:nvSpPr>
          <p:cNvPr id="2" name="Title 1">
            <a:extLst>
              <a:ext uri="{FF2B5EF4-FFF2-40B4-BE49-F238E27FC236}">
                <a16:creationId xmlns:a16="http://schemas.microsoft.com/office/drawing/2014/main" id="{761C3C5F-D76F-8640-BFCD-4EAA489B904C}"/>
              </a:ext>
            </a:extLst>
          </p:cNvPr>
          <p:cNvSpPr>
            <a:spLocks noGrp="1"/>
          </p:cNvSpPr>
          <p:nvPr>
            <p:ph type="title"/>
          </p:nvPr>
        </p:nvSpPr>
        <p:spPr>
          <a:xfrm>
            <a:off x="477520" y="1133269"/>
            <a:ext cx="11277598" cy="2852737"/>
          </a:xfrm>
        </p:spPr>
        <p:txBody>
          <a:bodyPr anchor="b"/>
          <a:lstStyle>
            <a:lvl1pPr>
              <a:defRPr sz="6000">
                <a:solidFill>
                  <a:schemeClr val="bg1"/>
                </a:solidFill>
              </a:defRPr>
            </a:lvl1pPr>
          </a:lstStyle>
          <a:p>
            <a:r>
              <a:rPr lang="en-US"/>
              <a:t>Click to edit Master title style</a:t>
            </a:r>
          </a:p>
        </p:txBody>
      </p:sp>
      <p:sp>
        <p:nvSpPr>
          <p:cNvPr id="3" name="Text Placeholder 2">
            <a:extLst>
              <a:ext uri="{FF2B5EF4-FFF2-40B4-BE49-F238E27FC236}">
                <a16:creationId xmlns:a16="http://schemas.microsoft.com/office/drawing/2014/main" id="{8E0C4C54-09B4-A048-AC78-9324DCE0F397}"/>
              </a:ext>
            </a:extLst>
          </p:cNvPr>
          <p:cNvSpPr>
            <a:spLocks noGrp="1"/>
          </p:cNvSpPr>
          <p:nvPr>
            <p:ph type="body" idx="1"/>
          </p:nvPr>
        </p:nvSpPr>
        <p:spPr>
          <a:xfrm>
            <a:off x="477520" y="4012994"/>
            <a:ext cx="11277598" cy="1500187"/>
          </a:xfrm>
          <a:prstGeom prst="rect">
            <a:avLst/>
          </a:prstGeom>
        </p:spPr>
        <p:txBody>
          <a:bodyPr/>
          <a:lstStyle>
            <a:lvl1pPr marL="0" indent="0">
              <a:buNone/>
              <a:defRPr sz="240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pic>
        <p:nvPicPr>
          <p:cNvPr id="9" name="Picture 8">
            <a:extLst>
              <a:ext uri="{FF2B5EF4-FFF2-40B4-BE49-F238E27FC236}">
                <a16:creationId xmlns:a16="http://schemas.microsoft.com/office/drawing/2014/main" id="{94004A6A-46E6-A241-ACF9-3A754D962572}"/>
              </a:ext>
            </a:extLst>
          </p:cNvPr>
          <p:cNvPicPr>
            <a:picLocks noChangeAspect="1"/>
          </p:cNvPicPr>
          <p:nvPr userDrawn="1"/>
        </p:nvPicPr>
        <p:blipFill>
          <a:blip r:embed="rId3" cstate="screen">
            <a:extLst>
              <a:ext uri="{28A0092B-C50C-407E-A947-70E740481C1C}">
                <a14:useLocalDpi xmlns:a14="http://schemas.microsoft.com/office/drawing/2010/main" val="0"/>
              </a:ext>
            </a:extLst>
          </a:blip>
          <a:srcRect/>
          <a:stretch/>
        </p:blipFill>
        <p:spPr>
          <a:xfrm>
            <a:off x="571500" y="5866525"/>
            <a:ext cx="1375996" cy="488619"/>
          </a:xfrm>
          <a:prstGeom prst="rect">
            <a:avLst/>
          </a:prstGeom>
        </p:spPr>
      </p:pic>
      <p:sp>
        <p:nvSpPr>
          <p:cNvPr id="8" name="Footer Placeholder 3">
            <a:extLst>
              <a:ext uri="{FF2B5EF4-FFF2-40B4-BE49-F238E27FC236}">
                <a16:creationId xmlns:a16="http://schemas.microsoft.com/office/drawing/2014/main" id="{67B7CB1D-799B-8A42-9028-DBE0066A96DD}"/>
              </a:ext>
            </a:extLst>
          </p:cNvPr>
          <p:cNvSpPr txBox="1">
            <a:spLocks/>
          </p:cNvSpPr>
          <p:nvPr userDrawn="1"/>
        </p:nvSpPr>
        <p:spPr>
          <a:xfrm>
            <a:off x="490045" y="6393928"/>
            <a:ext cx="3793217"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700">
                <a:solidFill>
                  <a:schemeClr val="bg1"/>
                </a:solidFill>
              </a:rPr>
              <a:t>© 2022 ODP Business Solutions, LLC. All rights reserved.            Confidential</a:t>
            </a:r>
          </a:p>
        </p:txBody>
      </p:sp>
      <p:sp>
        <p:nvSpPr>
          <p:cNvPr id="10" name="Slide Number Placeholder 4">
            <a:extLst>
              <a:ext uri="{FF2B5EF4-FFF2-40B4-BE49-F238E27FC236}">
                <a16:creationId xmlns:a16="http://schemas.microsoft.com/office/drawing/2014/main" id="{017C7558-E8D2-FE47-BCF7-4DF22B8D03BE}"/>
              </a:ext>
            </a:extLst>
          </p:cNvPr>
          <p:cNvSpPr txBox="1">
            <a:spLocks/>
          </p:cNvSpPr>
          <p:nvPr userDrawn="1"/>
        </p:nvSpPr>
        <p:spPr>
          <a:xfrm>
            <a:off x="4270736" y="6393928"/>
            <a:ext cx="366419" cy="365125"/>
          </a:xfrm>
          <a:prstGeom prst="rect">
            <a:avLst/>
          </a:prstGeom>
        </p:spPr>
        <p:txBody>
          <a:bodyPr vert="horz" lIns="91440" tIns="45720" rIns="91440" bIns="45720" rtlCol="0" anchor="ctr"/>
          <a:lstStyle>
            <a:defPPr>
              <a:defRPr lang="en-US"/>
            </a:defPPr>
            <a:lvl1pPr marL="0" algn="r"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DE61A61-0F23-0048-8C0D-E7201A572481}" type="slidenum">
              <a:rPr lang="en-US" sz="700" smtClean="0">
                <a:solidFill>
                  <a:schemeClr val="bg1"/>
                </a:solidFill>
              </a:rPr>
              <a:pPr/>
              <a:t>‹#›</a:t>
            </a:fld>
            <a:endParaRPr lang="en-US" sz="700">
              <a:solidFill>
                <a:schemeClr val="bg1"/>
              </a:solidFill>
            </a:endParaRPr>
          </a:p>
        </p:txBody>
      </p:sp>
    </p:spTree>
    <p:extLst>
      <p:ext uri="{BB962C8B-B14F-4D97-AF65-F5344CB8AC3E}">
        <p14:creationId xmlns:p14="http://schemas.microsoft.com/office/powerpoint/2010/main" val="3575701186"/>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29362" y="21602"/>
            <a:ext cx="3932237" cy="1600200"/>
          </a:xfrm>
        </p:spPr>
        <p:txBody>
          <a:bodyPr anchor="b">
            <a:noAutofit/>
          </a:bodyPr>
          <a:lstStyle>
            <a:lvl1pPr>
              <a:defRPr sz="3199"/>
            </a:lvl1pPr>
          </a:lstStyle>
          <a:p>
            <a:r>
              <a:rPr lang="en-US"/>
              <a:t>Click to edit Master title style</a:t>
            </a:r>
          </a:p>
        </p:txBody>
      </p:sp>
      <p:sp>
        <p:nvSpPr>
          <p:cNvPr id="3" name="Content Placeholder 2"/>
          <p:cNvSpPr>
            <a:spLocks noGrp="1"/>
          </p:cNvSpPr>
          <p:nvPr>
            <p:ph idx="1"/>
          </p:nvPr>
        </p:nvSpPr>
        <p:spPr>
          <a:xfrm>
            <a:off x="5183188" y="609600"/>
            <a:ext cx="6172200" cy="5562600"/>
          </a:xfrm>
        </p:spPr>
        <p:txBody>
          <a:bodyPr>
            <a:noAutofit/>
          </a:bodyPr>
          <a:lstStyle>
            <a:lvl1pPr>
              <a:defRPr sz="2500"/>
            </a:lvl1pPr>
            <a:lvl2pPr>
              <a:defRPr sz="1250"/>
            </a:lvl2pPr>
            <a:lvl3pPr>
              <a:defRPr sz="1250"/>
            </a:lvl3pPr>
            <a:lvl4pPr>
              <a:defRPr sz="600"/>
            </a:lvl4pPr>
            <a:lvl5pPr>
              <a:defRPr sz="6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p:cNvSpPr>
            <a:spLocks noGrp="1"/>
          </p:cNvSpPr>
          <p:nvPr>
            <p:ph type="body" sz="half" idx="2"/>
          </p:nvPr>
        </p:nvSpPr>
        <p:spPr>
          <a:xfrm>
            <a:off x="572219" y="2057400"/>
            <a:ext cx="3932237" cy="4114800"/>
          </a:xfrm>
        </p:spPr>
        <p:txBody>
          <a:bodyPr>
            <a:noAutofit/>
          </a:bodyPr>
          <a:lstStyle>
            <a:lvl1pPr marL="0" indent="0">
              <a:buNone/>
              <a:defRPr sz="1600"/>
            </a:lvl1pPr>
            <a:lvl2pPr marL="457109" indent="0">
              <a:buNone/>
              <a:defRPr sz="1400"/>
            </a:lvl2pPr>
            <a:lvl3pPr marL="914217" indent="0">
              <a:buNone/>
              <a:defRPr sz="1200"/>
            </a:lvl3pPr>
            <a:lvl4pPr marL="1371326" indent="0">
              <a:buNone/>
              <a:defRPr sz="1000"/>
            </a:lvl4pPr>
            <a:lvl5pPr marL="1828434" indent="0">
              <a:buNone/>
              <a:defRPr sz="1000"/>
            </a:lvl5pPr>
            <a:lvl6pPr marL="2285543" indent="0">
              <a:buNone/>
              <a:defRPr sz="1000"/>
            </a:lvl6pPr>
            <a:lvl7pPr marL="2742651" indent="0">
              <a:buNone/>
              <a:defRPr sz="1000"/>
            </a:lvl7pPr>
            <a:lvl8pPr marL="3199760" indent="0">
              <a:buNone/>
              <a:defRPr sz="1000"/>
            </a:lvl8pPr>
            <a:lvl9pPr marL="3656868" indent="0">
              <a:buNone/>
              <a:defRPr sz="1000"/>
            </a:lvl9pPr>
          </a:lstStyle>
          <a:p>
            <a:pPr lvl="0"/>
            <a:r>
              <a:rPr lang="en-US"/>
              <a:t>Click to edit Master text styles</a:t>
            </a:r>
          </a:p>
        </p:txBody>
      </p:sp>
      <p:sp>
        <p:nvSpPr>
          <p:cNvPr id="7" name="Slide Number Placeholder 6"/>
          <p:cNvSpPr>
            <a:spLocks noGrp="1"/>
          </p:cNvSpPr>
          <p:nvPr>
            <p:ph type="sldNum" sz="quarter" idx="12"/>
          </p:nvPr>
        </p:nvSpPr>
        <p:spPr/>
        <p:txBody>
          <a:bodyPr/>
          <a:lstStyle/>
          <a:p>
            <a:fld id="{EA8D065C-7253-274F-A38C-EFAAAEC662DD}" type="slidenum">
              <a:rPr lang="en-US" smtClean="0"/>
              <a:t>‹#›</a:t>
            </a:fld>
            <a:endParaRPr lang="en-US"/>
          </a:p>
        </p:txBody>
      </p:sp>
    </p:spTree>
    <p:extLst>
      <p:ext uri="{BB962C8B-B14F-4D97-AF65-F5344CB8AC3E}">
        <p14:creationId xmlns:p14="http://schemas.microsoft.com/office/powerpoint/2010/main" val="4142623183"/>
      </p:ext>
    </p:extLst>
  </p:cSld>
  <p:clrMapOvr>
    <a:masterClrMapping/>
  </p:clrMapOvr>
  <p:transition>
    <p:fade/>
  </p:transition>
</p:sldLayout>
</file>

<file path=ppt/slideLayouts/slideLayout91.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572219" y="609600"/>
            <a:ext cx="5523780" cy="492443"/>
          </a:xfrm>
        </p:spPr>
        <p:txBody>
          <a:bodyPr anchor="t" anchorCtr="0">
            <a:spAutoFit/>
          </a:bodyPr>
          <a:lstStyle>
            <a:lvl1pPr>
              <a:defRPr sz="3199"/>
            </a:lvl1pPr>
          </a:lstStyle>
          <a:p>
            <a:r>
              <a:rPr lang="en-US"/>
              <a:t>Click to edit Master title style</a:t>
            </a:r>
          </a:p>
        </p:txBody>
      </p:sp>
      <p:sp>
        <p:nvSpPr>
          <p:cNvPr id="3" name="Picture Placeholder 2"/>
          <p:cNvSpPr>
            <a:spLocks noGrp="1" noChangeAspect="1"/>
          </p:cNvSpPr>
          <p:nvPr>
            <p:ph type="pic" idx="1"/>
          </p:nvPr>
        </p:nvSpPr>
        <p:spPr>
          <a:xfrm>
            <a:off x="6096000" y="0"/>
            <a:ext cx="6096000" cy="6858000"/>
          </a:xfrm>
        </p:spPr>
        <p:txBody>
          <a:bodyPr anchor="t" anchorCtr="0"/>
          <a:lstStyle>
            <a:lvl1pPr marL="0" indent="0">
              <a:buNone/>
              <a:defRPr sz="3199"/>
            </a:lvl1pPr>
            <a:lvl2pPr marL="457109" indent="0">
              <a:buNone/>
              <a:defRPr sz="2799"/>
            </a:lvl2pPr>
            <a:lvl3pPr marL="914217" indent="0">
              <a:buNone/>
              <a:defRPr sz="2400"/>
            </a:lvl3pPr>
            <a:lvl4pPr marL="1371326" indent="0">
              <a:buNone/>
              <a:defRPr sz="2000"/>
            </a:lvl4pPr>
            <a:lvl5pPr marL="1828434" indent="0">
              <a:buNone/>
              <a:defRPr sz="2000"/>
            </a:lvl5pPr>
            <a:lvl6pPr marL="2285543" indent="0">
              <a:buNone/>
              <a:defRPr sz="2000"/>
            </a:lvl6pPr>
            <a:lvl7pPr marL="2742651" indent="0">
              <a:buNone/>
              <a:defRPr sz="2000"/>
            </a:lvl7pPr>
            <a:lvl8pPr marL="3199760" indent="0">
              <a:buNone/>
              <a:defRPr sz="2000"/>
            </a:lvl8pPr>
            <a:lvl9pPr marL="3656868" indent="0">
              <a:buNone/>
              <a:defRPr sz="2000"/>
            </a:lvl9pPr>
          </a:lstStyle>
          <a:p>
            <a:r>
              <a:rPr lang="en-US"/>
              <a:t>Click icon to add picture</a:t>
            </a:r>
          </a:p>
        </p:txBody>
      </p:sp>
      <p:sp>
        <p:nvSpPr>
          <p:cNvPr id="4" name="Text Placeholder 3"/>
          <p:cNvSpPr>
            <a:spLocks noGrp="1"/>
          </p:cNvSpPr>
          <p:nvPr>
            <p:ph type="body" sz="half" idx="2"/>
          </p:nvPr>
        </p:nvSpPr>
        <p:spPr>
          <a:xfrm>
            <a:off x="596137" y="1638300"/>
            <a:ext cx="3932237" cy="4230688"/>
          </a:xfrm>
        </p:spPr>
        <p:txBody>
          <a:bodyPr>
            <a:noAutofit/>
          </a:bodyPr>
          <a:lstStyle>
            <a:lvl1pPr marL="0" indent="0">
              <a:buNone/>
              <a:defRPr sz="1600"/>
            </a:lvl1pPr>
            <a:lvl2pPr marL="457109" indent="0">
              <a:buNone/>
              <a:defRPr sz="1400"/>
            </a:lvl2pPr>
            <a:lvl3pPr marL="914217" indent="0">
              <a:buNone/>
              <a:defRPr sz="1200"/>
            </a:lvl3pPr>
            <a:lvl4pPr marL="1371326" indent="0">
              <a:buNone/>
              <a:defRPr sz="1000"/>
            </a:lvl4pPr>
            <a:lvl5pPr marL="1828434" indent="0">
              <a:buNone/>
              <a:defRPr sz="1000"/>
            </a:lvl5pPr>
            <a:lvl6pPr marL="2285543" indent="0">
              <a:buNone/>
              <a:defRPr sz="1000"/>
            </a:lvl6pPr>
            <a:lvl7pPr marL="2742651" indent="0">
              <a:buNone/>
              <a:defRPr sz="1000"/>
            </a:lvl7pPr>
            <a:lvl8pPr marL="3199760" indent="0">
              <a:buNone/>
              <a:defRPr sz="1000"/>
            </a:lvl8pPr>
            <a:lvl9pPr marL="3656868" indent="0">
              <a:buNone/>
              <a:defRPr sz="1000"/>
            </a:lvl9pPr>
          </a:lstStyle>
          <a:p>
            <a:pPr lvl="0"/>
            <a:r>
              <a:rPr lang="en-US"/>
              <a:t>Click to edit Master text styles</a:t>
            </a:r>
          </a:p>
        </p:txBody>
      </p:sp>
      <p:sp>
        <p:nvSpPr>
          <p:cNvPr id="7" name="Slide Number Placeholder 6"/>
          <p:cNvSpPr>
            <a:spLocks noGrp="1"/>
          </p:cNvSpPr>
          <p:nvPr>
            <p:ph type="sldNum" sz="quarter" idx="12"/>
          </p:nvPr>
        </p:nvSpPr>
        <p:spPr/>
        <p:txBody>
          <a:bodyPr/>
          <a:lstStyle/>
          <a:p>
            <a:fld id="{EA8D065C-7253-274F-A38C-EFAAAEC662DD}" type="slidenum">
              <a:rPr lang="en-US" smtClean="0"/>
              <a:t>‹#›</a:t>
            </a:fld>
            <a:endParaRPr lang="en-US"/>
          </a:p>
        </p:txBody>
      </p:sp>
    </p:spTree>
    <p:extLst>
      <p:ext uri="{BB962C8B-B14F-4D97-AF65-F5344CB8AC3E}">
        <p14:creationId xmlns:p14="http://schemas.microsoft.com/office/powerpoint/2010/main" val="2535881044"/>
      </p:ext>
    </p:extLst>
  </p:cSld>
  <p:clrMapOvr>
    <a:masterClrMapping/>
  </p:clrMapOvr>
  <p:transition>
    <p:fade/>
  </p:transition>
</p:sldLayout>
</file>

<file path=ppt/slideLayouts/slideLayout92.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noAutofit/>
          </a:bodyPr>
          <a:lstStyle/>
          <a:p>
            <a:r>
              <a:rPr lang="en-US"/>
              <a:t>Click to edit Master title style</a:t>
            </a:r>
          </a:p>
        </p:txBody>
      </p:sp>
      <p:sp>
        <p:nvSpPr>
          <p:cNvPr id="3" name="Vertical Text Placeholder 2"/>
          <p:cNvSpPr>
            <a:spLocks noGrp="1"/>
          </p:cNvSpPr>
          <p:nvPr>
            <p:ph type="body" orient="vert" idx="1"/>
          </p:nvPr>
        </p:nvSpPr>
        <p:spPr/>
        <p:txBody>
          <a:bodyPr vert="eaVert">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p:cNvSpPr>
            <a:spLocks noGrp="1"/>
          </p:cNvSpPr>
          <p:nvPr>
            <p:ph type="sldNum" sz="quarter" idx="12"/>
          </p:nvPr>
        </p:nvSpPr>
        <p:spPr/>
        <p:txBody>
          <a:bodyPr/>
          <a:lstStyle/>
          <a:p>
            <a:fld id="{EA8D065C-7253-274F-A38C-EFAAAEC662DD}" type="slidenum">
              <a:rPr lang="en-US" smtClean="0"/>
              <a:t>‹#›</a:t>
            </a:fld>
            <a:endParaRPr lang="en-US"/>
          </a:p>
        </p:txBody>
      </p:sp>
    </p:spTree>
    <p:extLst>
      <p:ext uri="{BB962C8B-B14F-4D97-AF65-F5344CB8AC3E}">
        <p14:creationId xmlns:p14="http://schemas.microsoft.com/office/powerpoint/2010/main" val="4186140274"/>
      </p:ext>
    </p:extLst>
  </p:cSld>
  <p:clrMapOvr>
    <a:masterClrMapping/>
  </p:clrMapOvr>
  <p:transition>
    <p:fade/>
  </p:transition>
</p:sldLayout>
</file>

<file path=ppt/slideLayouts/slideLayout93.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724900" y="365125"/>
            <a:ext cx="2628900" cy="5811838"/>
          </a:xfrm>
        </p:spPr>
        <p:txBody>
          <a:bodyPr vert="eaVert">
            <a:noAutofit/>
          </a:bodyPr>
          <a:lstStyle/>
          <a:p>
            <a:r>
              <a:rPr lang="en-US"/>
              <a:t>Click to edit Master title style</a:t>
            </a:r>
          </a:p>
        </p:txBody>
      </p:sp>
      <p:sp>
        <p:nvSpPr>
          <p:cNvPr id="3" name="Vertical Text Placeholder 2"/>
          <p:cNvSpPr>
            <a:spLocks noGrp="1"/>
          </p:cNvSpPr>
          <p:nvPr>
            <p:ph type="body" orient="vert" idx="1"/>
          </p:nvPr>
        </p:nvSpPr>
        <p:spPr>
          <a:xfrm>
            <a:off x="838200" y="365125"/>
            <a:ext cx="7734300" cy="5811838"/>
          </a:xfrm>
        </p:spPr>
        <p:txBody>
          <a:bodyPr vert="eaVert">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p:cNvSpPr>
            <a:spLocks noGrp="1"/>
          </p:cNvSpPr>
          <p:nvPr>
            <p:ph type="sldNum" sz="quarter" idx="12"/>
          </p:nvPr>
        </p:nvSpPr>
        <p:spPr/>
        <p:txBody>
          <a:bodyPr>
            <a:noAutofit/>
          </a:bodyPr>
          <a:lstStyle/>
          <a:p>
            <a:fld id="{EA8D065C-7253-274F-A38C-EFAAAEC662DD}" type="slidenum">
              <a:rPr lang="en-US" smtClean="0"/>
              <a:t>‹#›</a:t>
            </a:fld>
            <a:endParaRPr lang="en-US"/>
          </a:p>
        </p:txBody>
      </p:sp>
    </p:spTree>
    <p:extLst>
      <p:ext uri="{BB962C8B-B14F-4D97-AF65-F5344CB8AC3E}">
        <p14:creationId xmlns:p14="http://schemas.microsoft.com/office/powerpoint/2010/main" val="2011454612"/>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36.xml"/><Relationship Id="rId13" Type="http://schemas.openxmlformats.org/officeDocument/2006/relationships/slideLayout" Target="../slideLayouts/slideLayout41.xml"/><Relationship Id="rId18" Type="http://schemas.openxmlformats.org/officeDocument/2006/relationships/slideLayout" Target="../slideLayouts/slideLayout46.xml"/><Relationship Id="rId26" Type="http://schemas.openxmlformats.org/officeDocument/2006/relationships/slideLayout" Target="../slideLayouts/slideLayout54.xml"/><Relationship Id="rId3" Type="http://schemas.openxmlformats.org/officeDocument/2006/relationships/slideLayout" Target="../slideLayouts/slideLayout31.xml"/><Relationship Id="rId21" Type="http://schemas.openxmlformats.org/officeDocument/2006/relationships/slideLayout" Target="../slideLayouts/slideLayout49.xml"/><Relationship Id="rId7" Type="http://schemas.openxmlformats.org/officeDocument/2006/relationships/slideLayout" Target="../slideLayouts/slideLayout35.xml"/><Relationship Id="rId12" Type="http://schemas.openxmlformats.org/officeDocument/2006/relationships/slideLayout" Target="../slideLayouts/slideLayout40.xml"/><Relationship Id="rId17" Type="http://schemas.openxmlformats.org/officeDocument/2006/relationships/slideLayout" Target="../slideLayouts/slideLayout45.xml"/><Relationship Id="rId25" Type="http://schemas.openxmlformats.org/officeDocument/2006/relationships/slideLayout" Target="../slideLayouts/slideLayout53.xml"/><Relationship Id="rId2" Type="http://schemas.openxmlformats.org/officeDocument/2006/relationships/slideLayout" Target="../slideLayouts/slideLayout30.xml"/><Relationship Id="rId16" Type="http://schemas.openxmlformats.org/officeDocument/2006/relationships/slideLayout" Target="../slideLayouts/slideLayout44.xml"/><Relationship Id="rId20" Type="http://schemas.openxmlformats.org/officeDocument/2006/relationships/slideLayout" Target="../slideLayouts/slideLayout48.xml"/><Relationship Id="rId29" Type="http://schemas.openxmlformats.org/officeDocument/2006/relationships/slideLayout" Target="../slideLayouts/slideLayout57.xml"/><Relationship Id="rId1" Type="http://schemas.openxmlformats.org/officeDocument/2006/relationships/slideLayout" Target="../slideLayouts/slideLayout29.xml"/><Relationship Id="rId6" Type="http://schemas.openxmlformats.org/officeDocument/2006/relationships/slideLayout" Target="../slideLayouts/slideLayout34.xml"/><Relationship Id="rId11" Type="http://schemas.openxmlformats.org/officeDocument/2006/relationships/slideLayout" Target="../slideLayouts/slideLayout39.xml"/><Relationship Id="rId24" Type="http://schemas.openxmlformats.org/officeDocument/2006/relationships/slideLayout" Target="../slideLayouts/slideLayout52.xml"/><Relationship Id="rId5" Type="http://schemas.openxmlformats.org/officeDocument/2006/relationships/slideLayout" Target="../slideLayouts/slideLayout33.xml"/><Relationship Id="rId15" Type="http://schemas.openxmlformats.org/officeDocument/2006/relationships/slideLayout" Target="../slideLayouts/slideLayout43.xml"/><Relationship Id="rId23" Type="http://schemas.openxmlformats.org/officeDocument/2006/relationships/slideLayout" Target="../slideLayouts/slideLayout51.xml"/><Relationship Id="rId28" Type="http://schemas.openxmlformats.org/officeDocument/2006/relationships/slideLayout" Target="../slideLayouts/slideLayout56.xml"/><Relationship Id="rId10" Type="http://schemas.openxmlformats.org/officeDocument/2006/relationships/slideLayout" Target="../slideLayouts/slideLayout38.xml"/><Relationship Id="rId19" Type="http://schemas.openxmlformats.org/officeDocument/2006/relationships/slideLayout" Target="../slideLayouts/slideLayout47.xml"/><Relationship Id="rId31" Type="http://schemas.openxmlformats.org/officeDocument/2006/relationships/theme" Target="../theme/theme2.xml"/><Relationship Id="rId4" Type="http://schemas.openxmlformats.org/officeDocument/2006/relationships/slideLayout" Target="../slideLayouts/slideLayout32.xml"/><Relationship Id="rId9" Type="http://schemas.openxmlformats.org/officeDocument/2006/relationships/slideLayout" Target="../slideLayouts/slideLayout37.xml"/><Relationship Id="rId14" Type="http://schemas.openxmlformats.org/officeDocument/2006/relationships/slideLayout" Target="../slideLayouts/slideLayout42.xml"/><Relationship Id="rId22" Type="http://schemas.openxmlformats.org/officeDocument/2006/relationships/slideLayout" Target="../slideLayouts/slideLayout50.xml"/><Relationship Id="rId27" Type="http://schemas.openxmlformats.org/officeDocument/2006/relationships/slideLayout" Target="../slideLayouts/slideLayout55.xml"/><Relationship Id="rId30" Type="http://schemas.openxmlformats.org/officeDocument/2006/relationships/slideLayout" Target="../slideLayouts/slideLayout58.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71.xml"/><Relationship Id="rId18" Type="http://schemas.openxmlformats.org/officeDocument/2006/relationships/slideLayout" Target="../slideLayouts/slideLayout76.xml"/><Relationship Id="rId26" Type="http://schemas.openxmlformats.org/officeDocument/2006/relationships/slideLayout" Target="../slideLayouts/slideLayout84.xml"/><Relationship Id="rId3" Type="http://schemas.openxmlformats.org/officeDocument/2006/relationships/slideLayout" Target="../slideLayouts/slideLayout61.xml"/><Relationship Id="rId21" Type="http://schemas.openxmlformats.org/officeDocument/2006/relationships/slideLayout" Target="../slideLayouts/slideLayout79.xml"/><Relationship Id="rId34" Type="http://schemas.openxmlformats.org/officeDocument/2006/relationships/slideLayout" Target="../slideLayouts/slideLayout92.xml"/><Relationship Id="rId7" Type="http://schemas.openxmlformats.org/officeDocument/2006/relationships/slideLayout" Target="../slideLayouts/slideLayout65.xml"/><Relationship Id="rId12" Type="http://schemas.openxmlformats.org/officeDocument/2006/relationships/slideLayout" Target="../slideLayouts/slideLayout70.xml"/><Relationship Id="rId17" Type="http://schemas.openxmlformats.org/officeDocument/2006/relationships/slideLayout" Target="../slideLayouts/slideLayout75.xml"/><Relationship Id="rId25" Type="http://schemas.openxmlformats.org/officeDocument/2006/relationships/slideLayout" Target="../slideLayouts/slideLayout83.xml"/><Relationship Id="rId33" Type="http://schemas.openxmlformats.org/officeDocument/2006/relationships/slideLayout" Target="../slideLayouts/slideLayout91.xml"/><Relationship Id="rId2" Type="http://schemas.openxmlformats.org/officeDocument/2006/relationships/slideLayout" Target="../slideLayouts/slideLayout60.xml"/><Relationship Id="rId16" Type="http://schemas.openxmlformats.org/officeDocument/2006/relationships/slideLayout" Target="../slideLayouts/slideLayout74.xml"/><Relationship Id="rId20" Type="http://schemas.openxmlformats.org/officeDocument/2006/relationships/slideLayout" Target="../slideLayouts/slideLayout78.xml"/><Relationship Id="rId29" Type="http://schemas.openxmlformats.org/officeDocument/2006/relationships/slideLayout" Target="../slideLayouts/slideLayout87.xml"/><Relationship Id="rId1" Type="http://schemas.openxmlformats.org/officeDocument/2006/relationships/slideLayout" Target="../slideLayouts/slideLayout59.xml"/><Relationship Id="rId6" Type="http://schemas.openxmlformats.org/officeDocument/2006/relationships/slideLayout" Target="../slideLayouts/slideLayout64.xml"/><Relationship Id="rId11" Type="http://schemas.openxmlformats.org/officeDocument/2006/relationships/slideLayout" Target="../slideLayouts/slideLayout69.xml"/><Relationship Id="rId24" Type="http://schemas.openxmlformats.org/officeDocument/2006/relationships/slideLayout" Target="../slideLayouts/slideLayout82.xml"/><Relationship Id="rId32" Type="http://schemas.openxmlformats.org/officeDocument/2006/relationships/slideLayout" Target="../slideLayouts/slideLayout90.xml"/><Relationship Id="rId5" Type="http://schemas.openxmlformats.org/officeDocument/2006/relationships/slideLayout" Target="../slideLayouts/slideLayout63.xml"/><Relationship Id="rId15" Type="http://schemas.openxmlformats.org/officeDocument/2006/relationships/slideLayout" Target="../slideLayouts/slideLayout73.xml"/><Relationship Id="rId23" Type="http://schemas.openxmlformats.org/officeDocument/2006/relationships/slideLayout" Target="../slideLayouts/slideLayout81.xml"/><Relationship Id="rId28" Type="http://schemas.openxmlformats.org/officeDocument/2006/relationships/slideLayout" Target="../slideLayouts/slideLayout86.xml"/><Relationship Id="rId36" Type="http://schemas.openxmlformats.org/officeDocument/2006/relationships/theme" Target="../theme/theme3.xml"/><Relationship Id="rId10" Type="http://schemas.openxmlformats.org/officeDocument/2006/relationships/slideLayout" Target="../slideLayouts/slideLayout68.xml"/><Relationship Id="rId19" Type="http://schemas.openxmlformats.org/officeDocument/2006/relationships/slideLayout" Target="../slideLayouts/slideLayout77.xml"/><Relationship Id="rId31" Type="http://schemas.openxmlformats.org/officeDocument/2006/relationships/slideLayout" Target="../slideLayouts/slideLayout89.xml"/><Relationship Id="rId4" Type="http://schemas.openxmlformats.org/officeDocument/2006/relationships/slideLayout" Target="../slideLayouts/slideLayout62.xml"/><Relationship Id="rId9" Type="http://schemas.openxmlformats.org/officeDocument/2006/relationships/slideLayout" Target="../slideLayouts/slideLayout67.xml"/><Relationship Id="rId14" Type="http://schemas.openxmlformats.org/officeDocument/2006/relationships/slideLayout" Target="../slideLayouts/slideLayout72.xml"/><Relationship Id="rId22" Type="http://schemas.openxmlformats.org/officeDocument/2006/relationships/slideLayout" Target="../slideLayouts/slideLayout80.xml"/><Relationship Id="rId27" Type="http://schemas.openxmlformats.org/officeDocument/2006/relationships/slideLayout" Target="../slideLayouts/slideLayout85.xml"/><Relationship Id="rId30" Type="http://schemas.openxmlformats.org/officeDocument/2006/relationships/slideLayout" Target="../slideLayouts/slideLayout88.xml"/><Relationship Id="rId35" Type="http://schemas.openxmlformats.org/officeDocument/2006/relationships/slideLayout" Target="../slideLayouts/slideLayout93.xml"/><Relationship Id="rId8" Type="http://schemas.openxmlformats.org/officeDocument/2006/relationships/slideLayout" Target="../slideLayouts/slideLayout66.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053F9275-7CEA-B944-8F38-1820A937CD21}"/>
              </a:ext>
            </a:extLst>
          </p:cNvPr>
          <p:cNvSpPr>
            <a:spLocks noGrp="1"/>
          </p:cNvSpPr>
          <p:nvPr>
            <p:ph type="title"/>
          </p:nvPr>
        </p:nvSpPr>
        <p:spPr>
          <a:xfrm>
            <a:off x="477520" y="365125"/>
            <a:ext cx="1125728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7085741D-F5C6-6249-B652-EDF4609065F3}"/>
              </a:ext>
            </a:extLst>
          </p:cNvPr>
          <p:cNvSpPr>
            <a:spLocks noGrp="1"/>
          </p:cNvSpPr>
          <p:nvPr>
            <p:ph type="body" idx="1"/>
          </p:nvPr>
        </p:nvSpPr>
        <p:spPr>
          <a:xfrm>
            <a:off x="477520" y="1825625"/>
            <a:ext cx="1125728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B0D3E814-2793-244C-9B6A-9D1459D014CF}"/>
              </a:ext>
            </a:extLst>
          </p:cNvPr>
          <p:cNvSpPr>
            <a:spLocks noGrp="1"/>
          </p:cNvSpPr>
          <p:nvPr>
            <p:ph type="ftr" sz="quarter" idx="3"/>
          </p:nvPr>
        </p:nvSpPr>
        <p:spPr>
          <a:xfrm>
            <a:off x="477519" y="6356350"/>
            <a:ext cx="3793217" cy="365125"/>
          </a:xfrm>
          <a:prstGeom prst="rect">
            <a:avLst/>
          </a:prstGeom>
        </p:spPr>
        <p:txBody>
          <a:bodyPr vert="horz" lIns="91440" tIns="45720" rIns="91440" bIns="45720" rtlCol="0" anchor="ctr"/>
          <a:lstStyle>
            <a:lvl1pPr algn="l">
              <a:defRPr sz="8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stStyle>
          <a:p>
            <a:r>
              <a:rPr lang="en-US"/>
              <a:t>© 2022 ODP Business Solutions, LLC. All rights reserved.            Confidential</a:t>
            </a:r>
          </a:p>
        </p:txBody>
      </p:sp>
      <p:sp>
        <p:nvSpPr>
          <p:cNvPr id="6" name="Slide Number Placeholder 5">
            <a:extLst>
              <a:ext uri="{FF2B5EF4-FFF2-40B4-BE49-F238E27FC236}">
                <a16:creationId xmlns:a16="http://schemas.microsoft.com/office/drawing/2014/main" id="{8EE63B45-FE32-5240-9FF9-183EBB4D74C3}"/>
              </a:ext>
            </a:extLst>
          </p:cNvPr>
          <p:cNvSpPr>
            <a:spLocks noGrp="1"/>
          </p:cNvSpPr>
          <p:nvPr>
            <p:ph type="sldNum" sz="quarter" idx="4"/>
          </p:nvPr>
        </p:nvSpPr>
        <p:spPr>
          <a:xfrm>
            <a:off x="4270736" y="6356350"/>
            <a:ext cx="366419" cy="365125"/>
          </a:xfrm>
          <a:prstGeom prst="rect">
            <a:avLst/>
          </a:prstGeom>
        </p:spPr>
        <p:txBody>
          <a:bodyPr vert="horz" lIns="91440" tIns="45720" rIns="91440" bIns="45720" rtlCol="0" anchor="ctr"/>
          <a:lstStyle>
            <a:lvl1pPr algn="r">
              <a:defRPr sz="8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stStyle>
          <a:p>
            <a:fld id="{DDE61A61-0F23-0048-8C0D-E7201A572481}" type="slidenum">
              <a:rPr lang="en-US" smtClean="0"/>
              <a:pPr/>
              <a:t>‹#›</a:t>
            </a:fld>
            <a:endParaRPr lang="en-US"/>
          </a:p>
        </p:txBody>
      </p:sp>
    </p:spTree>
    <p:extLst>
      <p:ext uri="{BB962C8B-B14F-4D97-AF65-F5344CB8AC3E}">
        <p14:creationId xmlns:p14="http://schemas.microsoft.com/office/powerpoint/2010/main" val="4151921586"/>
      </p:ext>
    </p:extLst>
  </p:cSld>
  <p:clrMap bg1="lt1" tx1="dk1" bg2="lt2" tx2="dk2" accent1="accent1" accent2="accent2" accent3="accent3" accent4="accent4" accent5="accent5" accent6="accent6" hlink="hlink" folHlink="folHlink"/>
  <p:sldLayoutIdLst>
    <p:sldLayoutId id="2147483721" r:id="rId1"/>
    <p:sldLayoutId id="2147483722" r:id="rId2"/>
    <p:sldLayoutId id="2147483723" r:id="rId3"/>
    <p:sldLayoutId id="2147483724" r:id="rId4"/>
    <p:sldLayoutId id="2147483725" r:id="rId5"/>
    <p:sldLayoutId id="2147483726" r:id="rId6"/>
    <p:sldLayoutId id="2147483727" r:id="rId7"/>
    <p:sldLayoutId id="2147483728" r:id="rId8"/>
    <p:sldLayoutId id="2147483729" r:id="rId9"/>
    <p:sldLayoutId id="2147483730" r:id="rId10"/>
    <p:sldLayoutId id="2147483731" r:id="rId11"/>
    <p:sldLayoutId id="2147483732" r:id="rId12"/>
    <p:sldLayoutId id="2147483733" r:id="rId13"/>
    <p:sldLayoutId id="2147483734" r:id="rId14"/>
    <p:sldLayoutId id="2147483735" r:id="rId15"/>
    <p:sldLayoutId id="2147483736" r:id="rId16"/>
    <p:sldLayoutId id="2147483737" r:id="rId17"/>
    <p:sldLayoutId id="2147483738" r:id="rId18"/>
    <p:sldLayoutId id="2147483739" r:id="rId19"/>
    <p:sldLayoutId id="2147483740" r:id="rId20"/>
    <p:sldLayoutId id="2147483741" r:id="rId21"/>
    <p:sldLayoutId id="2147483742" r:id="rId22"/>
    <p:sldLayoutId id="2147483743" r:id="rId23"/>
    <p:sldLayoutId id="2147483744" r:id="rId24"/>
    <p:sldLayoutId id="2147483745" r:id="rId25"/>
    <p:sldLayoutId id="2147483746" r:id="rId26"/>
    <p:sldLayoutId id="2147483747" r:id="rId27"/>
    <p:sldLayoutId id="2147483748" r:id="rId28"/>
  </p:sldLayoutIdLst>
  <p:hf hdr="0" dt="0"/>
  <p:txStyles>
    <p:titleStyle>
      <a:lvl1pPr algn="l" defTabSz="914400" rtl="0" eaLnBrk="1" latinLnBrk="0" hangingPunct="1">
        <a:lnSpc>
          <a:spcPct val="90000"/>
        </a:lnSpc>
        <a:spcBef>
          <a:spcPct val="0"/>
        </a:spcBef>
        <a:buNone/>
        <a:defRPr sz="3200"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p:titleStyle>
    <p:bodyStyle>
      <a:lvl1pPr marL="0" indent="0" algn="l" defTabSz="914400" rtl="0" eaLnBrk="1" latinLnBrk="0" hangingPunct="1">
        <a:lnSpc>
          <a:spcPct val="100000"/>
        </a:lnSpc>
        <a:spcBef>
          <a:spcPts val="1000"/>
        </a:spcBef>
        <a:buFont typeface="Arial" panose="020B0604020202020204" pitchFamily="34" charset="0"/>
        <a:buNone/>
        <a:defRPr sz="1600" b="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vl2pPr marL="173038" indent="-166688" algn="l" defTabSz="914400" rtl="0" eaLnBrk="1" latinLnBrk="0" hangingPunct="1">
        <a:lnSpc>
          <a:spcPct val="100000"/>
        </a:lnSpc>
        <a:spcBef>
          <a:spcPts val="500"/>
        </a:spcBef>
        <a:buFont typeface="Arial" panose="020B0604020202020204" pitchFamily="34" charset="0"/>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346075" indent="-173038" algn="l" defTabSz="914400" rtl="0" eaLnBrk="1" latinLnBrk="0" hangingPunct="1">
        <a:lnSpc>
          <a:spcPct val="100000"/>
        </a:lnSpc>
        <a:spcBef>
          <a:spcPts val="500"/>
        </a:spcBef>
        <a:buSzPct val="98000"/>
        <a:buFont typeface="System Font Regular"/>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519113" indent="-173038" algn="l" defTabSz="914400" rtl="0" eaLnBrk="1" latinLnBrk="0" hangingPunct="1">
        <a:lnSpc>
          <a:spcPct val="100000"/>
        </a:lnSpc>
        <a:spcBef>
          <a:spcPts val="500"/>
        </a:spcBef>
        <a:buFont typeface="System Font Regular"/>
        <a:buChar char="−"/>
        <a:tabLst/>
        <a:defRPr sz="15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692150" indent="-173038" algn="l" defTabSz="914400" rtl="0" eaLnBrk="1" latinLnBrk="0" hangingPunct="1">
        <a:lnSpc>
          <a:spcPct val="100000"/>
        </a:lnSpc>
        <a:spcBef>
          <a:spcPts val="500"/>
        </a:spcBef>
        <a:buFont typeface="System Font Regular"/>
        <a:buChar char="-"/>
        <a:tabLst/>
        <a:defRPr sz="15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053F9275-7CEA-B944-8F38-1820A937CD21}"/>
              </a:ext>
            </a:extLst>
          </p:cNvPr>
          <p:cNvSpPr>
            <a:spLocks noGrp="1"/>
          </p:cNvSpPr>
          <p:nvPr>
            <p:ph type="title"/>
          </p:nvPr>
        </p:nvSpPr>
        <p:spPr>
          <a:xfrm>
            <a:off x="477520" y="365125"/>
            <a:ext cx="1125728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7085741D-F5C6-6249-B652-EDF4609065F3}"/>
              </a:ext>
            </a:extLst>
          </p:cNvPr>
          <p:cNvSpPr>
            <a:spLocks noGrp="1"/>
          </p:cNvSpPr>
          <p:nvPr>
            <p:ph type="body" idx="1"/>
          </p:nvPr>
        </p:nvSpPr>
        <p:spPr>
          <a:xfrm>
            <a:off x="477520" y="1825625"/>
            <a:ext cx="1125728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B0D3E814-2793-244C-9B6A-9D1459D014CF}"/>
              </a:ext>
            </a:extLst>
          </p:cNvPr>
          <p:cNvSpPr>
            <a:spLocks noGrp="1"/>
          </p:cNvSpPr>
          <p:nvPr>
            <p:ph type="ftr" sz="quarter" idx="3"/>
          </p:nvPr>
        </p:nvSpPr>
        <p:spPr>
          <a:xfrm>
            <a:off x="477519" y="6356350"/>
            <a:ext cx="3793217" cy="365125"/>
          </a:xfrm>
          <a:prstGeom prst="rect">
            <a:avLst/>
          </a:prstGeom>
        </p:spPr>
        <p:txBody>
          <a:bodyPr vert="horz" lIns="91440" tIns="45720" rIns="91440" bIns="45720" rtlCol="0" anchor="ctr"/>
          <a:lstStyle>
            <a:lvl1pPr algn="l">
              <a:defRPr sz="8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stStyle>
          <a:p>
            <a:r>
              <a:rPr lang="en-US"/>
              <a:t>© 2022 ODP Business Solutions, LLC. All rights reserved.            Confidential</a:t>
            </a:r>
          </a:p>
        </p:txBody>
      </p:sp>
      <p:sp>
        <p:nvSpPr>
          <p:cNvPr id="6" name="Slide Number Placeholder 5">
            <a:extLst>
              <a:ext uri="{FF2B5EF4-FFF2-40B4-BE49-F238E27FC236}">
                <a16:creationId xmlns:a16="http://schemas.microsoft.com/office/drawing/2014/main" id="{8EE63B45-FE32-5240-9FF9-183EBB4D74C3}"/>
              </a:ext>
            </a:extLst>
          </p:cNvPr>
          <p:cNvSpPr>
            <a:spLocks noGrp="1"/>
          </p:cNvSpPr>
          <p:nvPr>
            <p:ph type="sldNum" sz="quarter" idx="4"/>
          </p:nvPr>
        </p:nvSpPr>
        <p:spPr>
          <a:xfrm>
            <a:off x="4270736" y="6356350"/>
            <a:ext cx="366419" cy="365125"/>
          </a:xfrm>
          <a:prstGeom prst="rect">
            <a:avLst/>
          </a:prstGeom>
        </p:spPr>
        <p:txBody>
          <a:bodyPr vert="horz" lIns="91440" tIns="45720" rIns="91440" bIns="45720" rtlCol="0" anchor="ctr"/>
          <a:lstStyle>
            <a:lvl1pPr algn="r">
              <a:defRPr sz="8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stStyle>
          <a:p>
            <a:fld id="{DDE61A61-0F23-0048-8C0D-E7201A572481}" type="slidenum">
              <a:rPr lang="en-US" smtClean="0"/>
              <a:pPr/>
              <a:t>‹#›</a:t>
            </a:fld>
            <a:endParaRPr lang="en-US"/>
          </a:p>
        </p:txBody>
      </p:sp>
    </p:spTree>
    <p:extLst>
      <p:ext uri="{BB962C8B-B14F-4D97-AF65-F5344CB8AC3E}">
        <p14:creationId xmlns:p14="http://schemas.microsoft.com/office/powerpoint/2010/main" val="424707436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54" r:id="rId5"/>
    <p:sldLayoutId id="2147483755" r:id="rId6"/>
    <p:sldLayoutId id="2147483756" r:id="rId7"/>
    <p:sldLayoutId id="2147483757" r:id="rId8"/>
    <p:sldLayoutId id="2147483758" r:id="rId9"/>
    <p:sldLayoutId id="2147483759" r:id="rId10"/>
    <p:sldLayoutId id="2147483760" r:id="rId11"/>
    <p:sldLayoutId id="2147483761" r:id="rId12"/>
    <p:sldLayoutId id="2147483762" r:id="rId13"/>
    <p:sldLayoutId id="2147483763" r:id="rId14"/>
    <p:sldLayoutId id="2147483764" r:id="rId15"/>
    <p:sldLayoutId id="2147483765" r:id="rId16"/>
    <p:sldLayoutId id="2147483766" r:id="rId17"/>
    <p:sldLayoutId id="2147483767" r:id="rId18"/>
    <p:sldLayoutId id="2147483768" r:id="rId19"/>
    <p:sldLayoutId id="2147483769" r:id="rId20"/>
    <p:sldLayoutId id="2147483770" r:id="rId21"/>
    <p:sldLayoutId id="2147483771" r:id="rId22"/>
    <p:sldLayoutId id="2147483772" r:id="rId23"/>
    <p:sldLayoutId id="2147483773" r:id="rId24"/>
    <p:sldLayoutId id="2147483774" r:id="rId25"/>
    <p:sldLayoutId id="2147483775" r:id="rId26"/>
    <p:sldLayoutId id="2147483776" r:id="rId27"/>
    <p:sldLayoutId id="2147483777" r:id="rId28"/>
    <p:sldLayoutId id="2147483778" r:id="rId29"/>
    <p:sldLayoutId id="2147483779" r:id="rId30"/>
  </p:sldLayoutIdLst>
  <p:hf hdr="0" dt="0"/>
  <p:txStyles>
    <p:titleStyle>
      <a:lvl1pPr algn="l" defTabSz="914400" rtl="0" eaLnBrk="1" latinLnBrk="0" hangingPunct="1">
        <a:lnSpc>
          <a:spcPct val="90000"/>
        </a:lnSpc>
        <a:spcBef>
          <a:spcPct val="0"/>
        </a:spcBef>
        <a:buNone/>
        <a:defRPr sz="3200"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p:titleStyle>
    <p:bodyStyle>
      <a:lvl1pPr marL="0" indent="0" algn="l" defTabSz="914400" rtl="0" eaLnBrk="1" latinLnBrk="0" hangingPunct="1">
        <a:lnSpc>
          <a:spcPct val="100000"/>
        </a:lnSpc>
        <a:spcBef>
          <a:spcPts val="1000"/>
        </a:spcBef>
        <a:buFont typeface="Arial" panose="020B0604020202020204" pitchFamily="34" charset="0"/>
        <a:buNone/>
        <a:defRPr sz="1600" b="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vl2pPr marL="173038" indent="-166688" algn="l" defTabSz="914400" rtl="0" eaLnBrk="1" latinLnBrk="0" hangingPunct="1">
        <a:lnSpc>
          <a:spcPct val="100000"/>
        </a:lnSpc>
        <a:spcBef>
          <a:spcPts val="500"/>
        </a:spcBef>
        <a:buFont typeface="Arial" panose="020B0604020202020204" pitchFamily="34" charset="0"/>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346075" indent="-173038" algn="l" defTabSz="914400" rtl="0" eaLnBrk="1" latinLnBrk="0" hangingPunct="1">
        <a:lnSpc>
          <a:spcPct val="100000"/>
        </a:lnSpc>
        <a:spcBef>
          <a:spcPts val="500"/>
        </a:spcBef>
        <a:buSzPct val="98000"/>
        <a:buFont typeface="System Font Regular"/>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519113" indent="-173038" algn="l" defTabSz="914400" rtl="0" eaLnBrk="1" latinLnBrk="0" hangingPunct="1">
        <a:lnSpc>
          <a:spcPct val="100000"/>
        </a:lnSpc>
        <a:spcBef>
          <a:spcPts val="500"/>
        </a:spcBef>
        <a:buFont typeface="System Font Regular"/>
        <a:buChar char="−"/>
        <a:tabLst/>
        <a:defRPr sz="15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692150" indent="-173038" algn="l" defTabSz="914400" rtl="0" eaLnBrk="1" latinLnBrk="0" hangingPunct="1">
        <a:lnSpc>
          <a:spcPct val="100000"/>
        </a:lnSpc>
        <a:spcBef>
          <a:spcPts val="500"/>
        </a:spcBef>
        <a:buFont typeface="System Font Regular"/>
        <a:buChar char="-"/>
        <a:tabLst/>
        <a:defRPr sz="15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546823" y="641350"/>
            <a:ext cx="10515600" cy="553998"/>
          </a:xfrm>
          <a:prstGeom prst="rect">
            <a:avLst/>
          </a:prstGeom>
        </p:spPr>
        <p:txBody>
          <a:bodyPr vert="horz" lIns="0" tIns="0" rIns="0" bIns="0" rtlCol="0" anchor="t" anchorCtr="0">
            <a:spAutoFit/>
          </a:bodyPr>
          <a:lstStyle/>
          <a:p>
            <a:r>
              <a:rPr lang="en-US"/>
              <a:t>Click to edit Master title style</a:t>
            </a:r>
          </a:p>
        </p:txBody>
      </p:sp>
      <p:sp>
        <p:nvSpPr>
          <p:cNvPr id="3" name="Text Placeholder 2"/>
          <p:cNvSpPr>
            <a:spLocks noGrp="1"/>
          </p:cNvSpPr>
          <p:nvPr>
            <p:ph type="body" idx="1"/>
          </p:nvPr>
        </p:nvSpPr>
        <p:spPr>
          <a:xfrm>
            <a:off x="572219" y="1638300"/>
            <a:ext cx="10990419" cy="4538663"/>
          </a:xfrm>
          <a:prstGeom prst="rect">
            <a:avLst/>
          </a:prstGeom>
        </p:spPr>
        <p:txBody>
          <a:bodyPr vert="horz" lIns="91440" tIns="45720" rIns="91440" bIns="4572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p:cNvSpPr>
            <a:spLocks noGrp="1"/>
          </p:cNvSpPr>
          <p:nvPr>
            <p:ph type="sldNum" sz="quarter" idx="4"/>
          </p:nvPr>
        </p:nvSpPr>
        <p:spPr>
          <a:xfrm>
            <a:off x="8819439" y="428002"/>
            <a:ext cx="2743200" cy="365125"/>
          </a:xfrm>
          <a:prstGeom prst="rect">
            <a:avLst/>
          </a:prstGeom>
        </p:spPr>
        <p:txBody>
          <a:bodyPr vert="horz" lIns="0" tIns="0" rIns="0" bIns="0" rtlCol="0" anchor="b" anchorCtr="0"/>
          <a:lstStyle>
            <a:lvl1pPr algn="r">
              <a:defRPr sz="125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fld id="{EA8D065C-7253-274F-A38C-EFAAAEC662DD}" type="slidenum">
              <a:rPr lang="en-US" smtClean="0"/>
              <a:pPr/>
              <a:t>‹#›</a:t>
            </a:fld>
            <a:endParaRPr lang="en-US"/>
          </a:p>
        </p:txBody>
      </p:sp>
    </p:spTree>
    <p:extLst>
      <p:ext uri="{BB962C8B-B14F-4D97-AF65-F5344CB8AC3E}">
        <p14:creationId xmlns:p14="http://schemas.microsoft.com/office/powerpoint/2010/main" val="479739762"/>
      </p:ext>
    </p:extLst>
  </p:cSld>
  <p:clrMap bg1="lt1" tx1="dk1" bg2="lt2" tx2="dk2" accent1="accent1" accent2="accent2" accent3="accent3" accent4="accent4" accent5="accent5" accent6="accent6" hlink="hlink" folHlink="folHlink"/>
  <p:sldLayoutIdLst>
    <p:sldLayoutId id="2147483781" r:id="rId1"/>
    <p:sldLayoutId id="2147483782" r:id="rId2"/>
    <p:sldLayoutId id="2147483783" r:id="rId3"/>
    <p:sldLayoutId id="2147483784" r:id="rId4"/>
    <p:sldLayoutId id="2147483785" r:id="rId5"/>
    <p:sldLayoutId id="2147483786" r:id="rId6"/>
    <p:sldLayoutId id="2147483787" r:id="rId7"/>
    <p:sldLayoutId id="2147483788" r:id="rId8"/>
    <p:sldLayoutId id="2147483789" r:id="rId9"/>
    <p:sldLayoutId id="2147483790" r:id="rId10"/>
    <p:sldLayoutId id="2147483791" r:id="rId11"/>
    <p:sldLayoutId id="2147483792" r:id="rId12"/>
    <p:sldLayoutId id="2147483793" r:id="rId13"/>
    <p:sldLayoutId id="2147483794" r:id="rId14"/>
    <p:sldLayoutId id="2147483795" r:id="rId15"/>
    <p:sldLayoutId id="2147483796" r:id="rId16"/>
    <p:sldLayoutId id="2147483797" r:id="rId17"/>
    <p:sldLayoutId id="2147483798" r:id="rId18"/>
    <p:sldLayoutId id="2147483799" r:id="rId19"/>
    <p:sldLayoutId id="2147483800" r:id="rId20"/>
    <p:sldLayoutId id="2147483801" r:id="rId21"/>
    <p:sldLayoutId id="2147483802" r:id="rId22"/>
    <p:sldLayoutId id="2147483803" r:id="rId23"/>
    <p:sldLayoutId id="2147483804" r:id="rId24"/>
    <p:sldLayoutId id="2147483805" r:id="rId25"/>
    <p:sldLayoutId id="2147483806" r:id="rId26"/>
    <p:sldLayoutId id="2147483807" r:id="rId27"/>
    <p:sldLayoutId id="2147483808" r:id="rId28"/>
    <p:sldLayoutId id="2147483809" r:id="rId29"/>
    <p:sldLayoutId id="2147483810" r:id="rId30"/>
    <p:sldLayoutId id="2147483811" r:id="rId31"/>
    <p:sldLayoutId id="2147483812" r:id="rId32"/>
    <p:sldLayoutId id="2147483813" r:id="rId33"/>
    <p:sldLayoutId id="2147483814" r:id="rId34"/>
    <p:sldLayoutId id="2147483815" r:id="rId35"/>
  </p:sldLayoutIdLst>
  <p:transition>
    <p:fade/>
  </p:transition>
  <p:txStyles>
    <p:titleStyle>
      <a:lvl1pPr algn="l" defTabSz="914217" rtl="0" eaLnBrk="1" latinLnBrk="0" hangingPunct="1">
        <a:lnSpc>
          <a:spcPct val="100000"/>
        </a:lnSpc>
        <a:spcBef>
          <a:spcPct val="0"/>
        </a:spcBef>
        <a:buNone/>
        <a:defRPr sz="3599" b="0" i="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p:titleStyle>
    <p:bodyStyle>
      <a:lvl1pPr marL="228554" indent="-228554" algn="l" defTabSz="914217" rtl="0" eaLnBrk="1" latinLnBrk="0" hangingPunct="1">
        <a:lnSpc>
          <a:spcPct val="90000"/>
        </a:lnSpc>
        <a:spcBef>
          <a:spcPts val="1000"/>
        </a:spcBef>
        <a:buFont typeface="Arial" panose="020B0604020202020204" pitchFamily="34" charset="0"/>
        <a:buChar char="•"/>
        <a:defRPr sz="20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vl2pPr marL="685663" indent="-228554" algn="l" defTabSz="914217" rtl="0" eaLnBrk="1" latinLnBrk="0" hangingPunct="1">
        <a:lnSpc>
          <a:spcPct val="90000"/>
        </a:lnSpc>
        <a:spcBef>
          <a:spcPts val="500"/>
        </a:spcBef>
        <a:buFont typeface="Arial" panose="020B0604020202020204" pitchFamily="34" charset="0"/>
        <a:buChar char="•"/>
        <a:defRPr sz="9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142771" indent="-228554" algn="l" defTabSz="914217" rtl="0" eaLnBrk="1" latinLnBrk="0" hangingPunct="1">
        <a:lnSpc>
          <a:spcPct val="90000"/>
        </a:lnSpc>
        <a:spcBef>
          <a:spcPts val="500"/>
        </a:spcBef>
        <a:buFont typeface="Arial" panose="020B0604020202020204" pitchFamily="34" charset="0"/>
        <a:buChar char="•"/>
        <a:defRPr sz="900" b="0" i="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599880" indent="-228554" algn="l" defTabSz="914217" rtl="0" eaLnBrk="1" latinLnBrk="0" hangingPunct="1">
        <a:lnSpc>
          <a:spcPct val="90000"/>
        </a:lnSpc>
        <a:spcBef>
          <a:spcPts val="500"/>
        </a:spcBef>
        <a:buFont typeface="Arial" panose="020B0604020202020204" pitchFamily="34" charset="0"/>
        <a:buChar char="•"/>
        <a:defRPr sz="500" b="0" i="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2056989" indent="-228554" algn="l" defTabSz="914217" rtl="0" eaLnBrk="1" latinLnBrk="0" hangingPunct="1">
        <a:lnSpc>
          <a:spcPct val="90000"/>
        </a:lnSpc>
        <a:spcBef>
          <a:spcPts val="500"/>
        </a:spcBef>
        <a:buFont typeface="Arial" panose="020B0604020202020204" pitchFamily="34" charset="0"/>
        <a:buChar char="•"/>
        <a:defRPr sz="500" b="0" i="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5pPr>
      <a:lvl6pPr marL="2514097" indent="-228554" algn="l" defTabSz="91421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206" indent="-228554" algn="l" defTabSz="91421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314" indent="-228554" algn="l" defTabSz="91421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423" indent="-228554" algn="l" defTabSz="91421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217" rtl="0" eaLnBrk="1" latinLnBrk="0" hangingPunct="1">
        <a:defRPr sz="1800" kern="1200">
          <a:solidFill>
            <a:schemeClr val="tx1"/>
          </a:solidFill>
          <a:latin typeface="+mn-lt"/>
          <a:ea typeface="+mn-ea"/>
          <a:cs typeface="+mn-cs"/>
        </a:defRPr>
      </a:lvl1pPr>
      <a:lvl2pPr marL="457109" algn="l" defTabSz="914217" rtl="0" eaLnBrk="1" latinLnBrk="0" hangingPunct="1">
        <a:defRPr sz="1800" kern="1200">
          <a:solidFill>
            <a:schemeClr val="tx1"/>
          </a:solidFill>
          <a:latin typeface="+mn-lt"/>
          <a:ea typeface="+mn-ea"/>
          <a:cs typeface="+mn-cs"/>
        </a:defRPr>
      </a:lvl2pPr>
      <a:lvl3pPr marL="914217" algn="l" defTabSz="914217" rtl="0" eaLnBrk="1" latinLnBrk="0" hangingPunct="1">
        <a:defRPr sz="1800" kern="1200">
          <a:solidFill>
            <a:schemeClr val="tx1"/>
          </a:solidFill>
          <a:latin typeface="+mn-lt"/>
          <a:ea typeface="+mn-ea"/>
          <a:cs typeface="+mn-cs"/>
        </a:defRPr>
      </a:lvl3pPr>
      <a:lvl4pPr marL="1371326" algn="l" defTabSz="914217" rtl="0" eaLnBrk="1" latinLnBrk="0" hangingPunct="1">
        <a:defRPr sz="1800" kern="1200">
          <a:solidFill>
            <a:schemeClr val="tx1"/>
          </a:solidFill>
          <a:latin typeface="+mn-lt"/>
          <a:ea typeface="+mn-ea"/>
          <a:cs typeface="+mn-cs"/>
        </a:defRPr>
      </a:lvl4pPr>
      <a:lvl5pPr marL="1828434" algn="l" defTabSz="914217" rtl="0" eaLnBrk="1" latinLnBrk="0" hangingPunct="1">
        <a:defRPr sz="1800" kern="1200">
          <a:solidFill>
            <a:schemeClr val="tx1"/>
          </a:solidFill>
          <a:latin typeface="+mn-lt"/>
          <a:ea typeface="+mn-ea"/>
          <a:cs typeface="+mn-cs"/>
        </a:defRPr>
      </a:lvl5pPr>
      <a:lvl6pPr marL="2285543" algn="l" defTabSz="914217" rtl="0" eaLnBrk="1" latinLnBrk="0" hangingPunct="1">
        <a:defRPr sz="1800" kern="1200">
          <a:solidFill>
            <a:schemeClr val="tx1"/>
          </a:solidFill>
          <a:latin typeface="+mn-lt"/>
          <a:ea typeface="+mn-ea"/>
          <a:cs typeface="+mn-cs"/>
        </a:defRPr>
      </a:lvl6pPr>
      <a:lvl7pPr marL="2742651" algn="l" defTabSz="914217" rtl="0" eaLnBrk="1" latinLnBrk="0" hangingPunct="1">
        <a:defRPr sz="1800" kern="1200">
          <a:solidFill>
            <a:schemeClr val="tx1"/>
          </a:solidFill>
          <a:latin typeface="+mn-lt"/>
          <a:ea typeface="+mn-ea"/>
          <a:cs typeface="+mn-cs"/>
        </a:defRPr>
      </a:lvl7pPr>
      <a:lvl8pPr marL="3199760" algn="l" defTabSz="914217" rtl="0" eaLnBrk="1" latinLnBrk="0" hangingPunct="1">
        <a:defRPr sz="1800" kern="1200">
          <a:solidFill>
            <a:schemeClr val="tx1"/>
          </a:solidFill>
          <a:latin typeface="+mn-lt"/>
          <a:ea typeface="+mn-ea"/>
          <a:cs typeface="+mn-cs"/>
        </a:defRPr>
      </a:lvl8pPr>
      <a:lvl9pPr marL="3656868" algn="l" defTabSz="914217"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7776">
          <p15:clr>
            <a:srgbClr val="F26B43"/>
          </p15:clr>
        </p15:guide>
        <p15:guide id="2" pos="721">
          <p15:clr>
            <a:srgbClr val="F26B43"/>
          </p15:clr>
        </p15:guide>
        <p15:guide id="3" pos="14569">
          <p15:clr>
            <a:srgbClr val="F26B43"/>
          </p15:clr>
        </p15:guide>
        <p15:guide id="4" orient="horz" pos="768">
          <p15:clr>
            <a:srgbClr val="F26B43"/>
          </p15:clr>
        </p15:guide>
        <p15:guide id="5" orient="horz" pos="2064">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78.xml"/><Relationship Id="rId1" Type="http://schemas.openxmlformats.org/officeDocument/2006/relationships/customXml" Target="../../customXml/item46.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3.xml"/><Relationship Id="rId7" Type="http://schemas.openxmlformats.org/officeDocument/2006/relationships/image" Target="../media/image46.jpg"/><Relationship Id="rId2" Type="http://schemas.openxmlformats.org/officeDocument/2006/relationships/customXml" Target="../../customXml/item21.xml"/><Relationship Id="rId1" Type="http://schemas.openxmlformats.org/officeDocument/2006/relationships/customXml" Target="../../customXml/item33.xml"/><Relationship Id="rId6" Type="http://schemas.openxmlformats.org/officeDocument/2006/relationships/image" Target="../media/image45.png"/><Relationship Id="rId5" Type="http://schemas.openxmlformats.org/officeDocument/2006/relationships/image" Target="../media/image44.png"/><Relationship Id="rId4" Type="http://schemas.openxmlformats.org/officeDocument/2006/relationships/notesSlide" Target="../notesSlides/notesSlide6.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6.xml"/><Relationship Id="rId1" Type="http://schemas.openxmlformats.org/officeDocument/2006/relationships/customXml" Target="../../customXml/item44.xml"/><Relationship Id="rId4" Type="http://schemas.openxmlformats.org/officeDocument/2006/relationships/notesSlide" Target="../notesSlides/notesSlide7.xml"/></Relationships>
</file>

<file path=ppt/slides/_rels/slide12.xml.rels><?xml version="1.0" encoding="UTF-8" standalone="yes"?>
<Relationships xmlns="http://schemas.openxmlformats.org/package/2006/relationships"><Relationship Id="rId8" Type="http://schemas.microsoft.com/office/2007/relationships/hdphoto" Target="../media/hdphoto1.wdp"/><Relationship Id="rId13" Type="http://schemas.openxmlformats.org/officeDocument/2006/relationships/image" Target="../media/image52.png"/><Relationship Id="rId3" Type="http://schemas.openxmlformats.org/officeDocument/2006/relationships/slideLayout" Target="../slideLayouts/slideLayout13.xml"/><Relationship Id="rId7" Type="http://schemas.openxmlformats.org/officeDocument/2006/relationships/image" Target="../media/image49.png"/><Relationship Id="rId12" Type="http://schemas.microsoft.com/office/2007/relationships/hdphoto" Target="../media/hdphoto3.wdp"/><Relationship Id="rId2" Type="http://schemas.openxmlformats.org/officeDocument/2006/relationships/customXml" Target="../../customXml/item36.xml"/><Relationship Id="rId1" Type="http://schemas.openxmlformats.org/officeDocument/2006/relationships/customXml" Target="../../customXml/item25.xml"/><Relationship Id="rId6" Type="http://schemas.openxmlformats.org/officeDocument/2006/relationships/image" Target="../media/image48.jpeg"/><Relationship Id="rId11" Type="http://schemas.openxmlformats.org/officeDocument/2006/relationships/image" Target="../media/image51.png"/><Relationship Id="rId5" Type="http://schemas.openxmlformats.org/officeDocument/2006/relationships/image" Target="../media/image47.jpeg"/><Relationship Id="rId10" Type="http://schemas.microsoft.com/office/2007/relationships/hdphoto" Target="../media/hdphoto2.wdp"/><Relationship Id="rId4" Type="http://schemas.openxmlformats.org/officeDocument/2006/relationships/notesSlide" Target="../notesSlides/notesSlide8.xml"/><Relationship Id="rId9" Type="http://schemas.openxmlformats.org/officeDocument/2006/relationships/image" Target="../media/image50.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56.xml"/><Relationship Id="rId1" Type="http://schemas.openxmlformats.org/officeDocument/2006/relationships/customXml" Target="../../customXml/item62.xml"/><Relationship Id="rId5" Type="http://schemas.openxmlformats.org/officeDocument/2006/relationships/image" Target="../media/image53.jpeg"/><Relationship Id="rId4" Type="http://schemas.openxmlformats.org/officeDocument/2006/relationships/notesSlide" Target="../notesSlides/notesSlide9.xml"/></Relationships>
</file>

<file path=ppt/slides/_rels/slide14.xml.rels><?xml version="1.0" encoding="UTF-8" standalone="yes"?>
<Relationships xmlns="http://schemas.openxmlformats.org/package/2006/relationships"><Relationship Id="rId8" Type="http://schemas.openxmlformats.org/officeDocument/2006/relationships/image" Target="../media/image57.png"/><Relationship Id="rId3" Type="http://schemas.openxmlformats.org/officeDocument/2006/relationships/slideLayout" Target="../slideLayouts/slideLayout23.xml"/><Relationship Id="rId7" Type="http://schemas.openxmlformats.org/officeDocument/2006/relationships/image" Target="../media/image56.png"/><Relationship Id="rId2" Type="http://schemas.openxmlformats.org/officeDocument/2006/relationships/customXml" Target="../../customXml/item65.xml"/><Relationship Id="rId1" Type="http://schemas.openxmlformats.org/officeDocument/2006/relationships/customXml" Target="../../customXml/item2.xml"/><Relationship Id="rId6" Type="http://schemas.openxmlformats.org/officeDocument/2006/relationships/image" Target="../media/image55.png"/><Relationship Id="rId11" Type="http://schemas.openxmlformats.org/officeDocument/2006/relationships/slide" Target="slide11.xml"/><Relationship Id="rId5" Type="http://schemas.openxmlformats.org/officeDocument/2006/relationships/image" Target="../media/image54.png"/><Relationship Id="rId10" Type="http://schemas.openxmlformats.org/officeDocument/2006/relationships/image" Target="../media/image59.png"/><Relationship Id="rId4" Type="http://schemas.openxmlformats.org/officeDocument/2006/relationships/notesSlide" Target="../notesSlides/notesSlide10.xml"/><Relationship Id="rId9" Type="http://schemas.openxmlformats.org/officeDocument/2006/relationships/image" Target="../media/image58.png"/></Relationships>
</file>

<file path=ppt/slides/_rels/slide15.xml.rels><?xml version="1.0" encoding="UTF-8" standalone="yes"?>
<Relationships xmlns="http://schemas.openxmlformats.org/package/2006/relationships"><Relationship Id="rId8" Type="http://schemas.openxmlformats.org/officeDocument/2006/relationships/image" Target="../media/image63.jpeg"/><Relationship Id="rId3" Type="http://schemas.openxmlformats.org/officeDocument/2006/relationships/slideLayout" Target="../slideLayouts/slideLayout12.xml"/><Relationship Id="rId7" Type="http://schemas.openxmlformats.org/officeDocument/2006/relationships/image" Target="../media/image62.png"/><Relationship Id="rId2" Type="http://schemas.openxmlformats.org/officeDocument/2006/relationships/customXml" Target="../../customXml/item32.xml"/><Relationship Id="rId1" Type="http://schemas.openxmlformats.org/officeDocument/2006/relationships/customXml" Target="../../customXml/item24.xml"/><Relationship Id="rId6" Type="http://schemas.openxmlformats.org/officeDocument/2006/relationships/image" Target="../media/image61.png"/><Relationship Id="rId5" Type="http://schemas.openxmlformats.org/officeDocument/2006/relationships/image" Target="../media/image60.jpeg"/><Relationship Id="rId4" Type="http://schemas.openxmlformats.org/officeDocument/2006/relationships/notesSlide" Target="../notesSlides/notesSlide11.xml"/></Relationships>
</file>

<file path=ppt/slides/_rels/slide16.xml.rels><?xml version="1.0" encoding="UTF-8" standalone="yes"?>
<Relationships xmlns="http://schemas.openxmlformats.org/package/2006/relationships"><Relationship Id="rId8" Type="http://schemas.openxmlformats.org/officeDocument/2006/relationships/image" Target="../media/image67.png"/><Relationship Id="rId3" Type="http://schemas.openxmlformats.org/officeDocument/2006/relationships/slideLayout" Target="../slideLayouts/slideLayout12.xml"/><Relationship Id="rId7" Type="http://schemas.openxmlformats.org/officeDocument/2006/relationships/image" Target="../media/image66.png"/><Relationship Id="rId2" Type="http://schemas.openxmlformats.org/officeDocument/2006/relationships/customXml" Target="../../customXml/item58.xml"/><Relationship Id="rId1" Type="http://schemas.openxmlformats.org/officeDocument/2006/relationships/customXml" Target="../../customXml/item76.xml"/><Relationship Id="rId6" Type="http://schemas.openxmlformats.org/officeDocument/2006/relationships/image" Target="../media/image65.png"/><Relationship Id="rId5" Type="http://schemas.openxmlformats.org/officeDocument/2006/relationships/image" Target="../media/image64.jpeg"/><Relationship Id="rId4" Type="http://schemas.openxmlformats.org/officeDocument/2006/relationships/notesSlide" Target="../notesSlides/notesSlide12.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39.xml"/><Relationship Id="rId1" Type="http://schemas.openxmlformats.org/officeDocument/2006/relationships/customXml" Target="../../customXml/item51.xml"/><Relationship Id="rId5" Type="http://schemas.openxmlformats.org/officeDocument/2006/relationships/image" Target="../media/image68.png"/><Relationship Id="rId4" Type="http://schemas.openxmlformats.org/officeDocument/2006/relationships/notesSlide" Target="../notesSlides/notesSlide13.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71.xml"/><Relationship Id="rId1" Type="http://schemas.openxmlformats.org/officeDocument/2006/relationships/customXml" Target="../../customXml/item54.xml"/><Relationship Id="rId5" Type="http://schemas.openxmlformats.org/officeDocument/2006/relationships/image" Target="../media/image69.png"/><Relationship Id="rId4" Type="http://schemas.openxmlformats.org/officeDocument/2006/relationships/notesSlide" Target="../notesSlides/notesSlide14.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47.xml"/><Relationship Id="rId1" Type="http://schemas.openxmlformats.org/officeDocument/2006/relationships/customXml" Target="../../customXml/item81.xml"/><Relationship Id="rId6" Type="http://schemas.openxmlformats.org/officeDocument/2006/relationships/image" Target="../media/image10.emf"/><Relationship Id="rId5" Type="http://schemas.openxmlformats.org/officeDocument/2006/relationships/image" Target="../media/image70.png"/><Relationship Id="rId4" Type="http://schemas.openxmlformats.org/officeDocument/2006/relationships/notesSlide" Target="../notesSlides/notesSlide15.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52.xml"/><Relationship Id="rId7" Type="http://schemas.openxmlformats.org/officeDocument/2006/relationships/image" Target="../media/image35.jpeg"/><Relationship Id="rId2" Type="http://schemas.openxmlformats.org/officeDocument/2006/relationships/customXml" Target="../../customXml/item66.xml"/><Relationship Id="rId1" Type="http://schemas.openxmlformats.org/officeDocument/2006/relationships/customXml" Target="../../customXml/item49.xml"/><Relationship Id="rId6" Type="http://schemas.openxmlformats.org/officeDocument/2006/relationships/image" Target="../media/image34.jpg"/><Relationship Id="rId5" Type="http://schemas.openxmlformats.org/officeDocument/2006/relationships/image" Target="../media/image33.jpeg"/><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77.xml"/><Relationship Id="rId1" Type="http://schemas.openxmlformats.org/officeDocument/2006/relationships/customXml" Target="../../customXml/item82.xml"/><Relationship Id="rId5" Type="http://schemas.openxmlformats.org/officeDocument/2006/relationships/image" Target="../media/image71.jpeg"/><Relationship Id="rId4" Type="http://schemas.openxmlformats.org/officeDocument/2006/relationships/notesSlide" Target="../notesSlides/notesSlide16.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11.xml"/><Relationship Id="rId1" Type="http://schemas.openxmlformats.org/officeDocument/2006/relationships/customXml" Target="../../customXml/item38.xml"/><Relationship Id="rId5" Type="http://schemas.openxmlformats.org/officeDocument/2006/relationships/image" Target="../media/image72.jpeg"/><Relationship Id="rId4" Type="http://schemas.openxmlformats.org/officeDocument/2006/relationships/notesSlide" Target="../notesSlides/notesSlide17.xml"/></Relationships>
</file>

<file path=ppt/slides/_rels/slide22.xml.rels><?xml version="1.0" encoding="UTF-8" standalone="yes"?>
<Relationships xmlns="http://schemas.openxmlformats.org/package/2006/relationships"><Relationship Id="rId8" Type="http://schemas.openxmlformats.org/officeDocument/2006/relationships/image" Target="../media/image76.jpeg"/><Relationship Id="rId3" Type="http://schemas.openxmlformats.org/officeDocument/2006/relationships/slideLayout" Target="../slideLayouts/slideLayout13.xml"/><Relationship Id="rId7" Type="http://schemas.openxmlformats.org/officeDocument/2006/relationships/image" Target="../media/image75.jpeg"/><Relationship Id="rId2" Type="http://schemas.openxmlformats.org/officeDocument/2006/relationships/customXml" Target="../../customXml/item17.xml"/><Relationship Id="rId1" Type="http://schemas.openxmlformats.org/officeDocument/2006/relationships/customXml" Target="../../customXml/item10.xml"/><Relationship Id="rId6" Type="http://schemas.openxmlformats.org/officeDocument/2006/relationships/image" Target="../media/image74.jpeg"/><Relationship Id="rId5" Type="http://schemas.openxmlformats.org/officeDocument/2006/relationships/image" Target="../media/image73.jpeg"/><Relationship Id="rId4" Type="http://schemas.openxmlformats.org/officeDocument/2006/relationships/notesSlide" Target="../notesSlides/notesSlide18.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70.xml"/><Relationship Id="rId1" Type="http://schemas.openxmlformats.org/officeDocument/2006/relationships/customXml" Target="../../customXml/item41.xml"/><Relationship Id="rId5" Type="http://schemas.openxmlformats.org/officeDocument/2006/relationships/image" Target="../media/image77.jpeg"/><Relationship Id="rId4" Type="http://schemas.openxmlformats.org/officeDocument/2006/relationships/notesSlide" Target="../notesSlides/notesSlide19.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57.xml"/><Relationship Id="rId1" Type="http://schemas.openxmlformats.org/officeDocument/2006/relationships/customXml" Target="../../customXml/item6.xml"/><Relationship Id="rId4" Type="http://schemas.openxmlformats.org/officeDocument/2006/relationships/notesSlide" Target="../notesSlides/notesSlide20.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28.xml"/><Relationship Id="rId2" Type="http://schemas.openxmlformats.org/officeDocument/2006/relationships/customXml" Target="../../customXml/item42.xml"/><Relationship Id="rId1" Type="http://schemas.openxmlformats.org/officeDocument/2006/relationships/customXml" Target="../../customXml/item72.xml"/><Relationship Id="rId4" Type="http://schemas.openxmlformats.org/officeDocument/2006/relationships/notesSlide" Target="../notesSlides/notesSlide2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63.xml"/><Relationship Id="rId1" Type="http://schemas.openxmlformats.org/officeDocument/2006/relationships/customXml" Target="../../customXml/item48.xml"/><Relationship Id="rId5" Type="http://schemas.openxmlformats.org/officeDocument/2006/relationships/image" Target="../media/image36.jpe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40.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0.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56.xml"/></Relationships>
</file>

<file path=ppt/slides/_rels/slide7.xml.rels><?xml version="1.0" encoding="UTF-8" standalone="yes"?>
<Relationships xmlns="http://schemas.openxmlformats.org/package/2006/relationships"><Relationship Id="rId2" Type="http://schemas.openxmlformats.org/officeDocument/2006/relationships/image" Target="../media/image38.png"/><Relationship Id="rId1" Type="http://schemas.openxmlformats.org/officeDocument/2006/relationships/slideLayout" Target="../slideLayouts/slideLayout61.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2.xml"/><Relationship Id="rId7" Type="http://schemas.openxmlformats.org/officeDocument/2006/relationships/image" Target="../media/image40.png"/><Relationship Id="rId2" Type="http://schemas.openxmlformats.org/officeDocument/2006/relationships/customXml" Target="../../customXml/item31.xml"/><Relationship Id="rId1" Type="http://schemas.openxmlformats.org/officeDocument/2006/relationships/customXml" Target="../../customXml/item18.xml"/><Relationship Id="rId6" Type="http://schemas.openxmlformats.org/officeDocument/2006/relationships/image" Target="../media/image39.jpeg"/><Relationship Id="rId5" Type="http://schemas.openxmlformats.org/officeDocument/2006/relationships/hyperlink" Target="https://www.odpbusiness.com/l/resource-center" TargetMode="External"/><Relationship Id="rId4" Type="http://schemas.openxmlformats.org/officeDocument/2006/relationships/notesSlide" Target="../notesSlides/notesSlide4.xml"/></Relationships>
</file>

<file path=ppt/slides/_rels/slide9.xml.rels><?xml version="1.0" encoding="UTF-8" standalone="yes"?>
<Relationships xmlns="http://schemas.openxmlformats.org/package/2006/relationships"><Relationship Id="rId8" Type="http://schemas.openxmlformats.org/officeDocument/2006/relationships/image" Target="../media/image43.png"/><Relationship Id="rId3" Type="http://schemas.openxmlformats.org/officeDocument/2006/relationships/slideLayout" Target="../slideLayouts/slideLayout12.xml"/><Relationship Id="rId7" Type="http://schemas.openxmlformats.org/officeDocument/2006/relationships/image" Target="../media/image42.png"/><Relationship Id="rId2" Type="http://schemas.openxmlformats.org/officeDocument/2006/relationships/customXml" Target="../../customXml/item79.xml"/><Relationship Id="rId1" Type="http://schemas.openxmlformats.org/officeDocument/2006/relationships/customXml" Target="../../customXml/item83.xml"/><Relationship Id="rId6" Type="http://schemas.openxmlformats.org/officeDocument/2006/relationships/image" Target="../media/image41.png"/><Relationship Id="rId5" Type="http://schemas.openxmlformats.org/officeDocument/2006/relationships/hyperlink" Target="https://elevatetogether.org/" TargetMode="External"/><Relationship Id="rId4" Type="http://schemas.openxmlformats.org/officeDocument/2006/relationships/notesSlide" Target="../notesSlides/notesSlide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24460F39-A376-A742-BEDE-D5D6B17ADC48}"/>
              </a:ext>
            </a:extLst>
          </p:cNvPr>
          <p:cNvSpPr txBox="1">
            <a:spLocks/>
          </p:cNvSpPr>
          <p:nvPr/>
        </p:nvSpPr>
        <p:spPr>
          <a:xfrm>
            <a:off x="537699" y="4495800"/>
            <a:ext cx="6110751" cy="279565"/>
          </a:xfrm>
          <a:prstGeom prst="rect">
            <a:avLst/>
          </a:prstGeom>
          <a:ln>
            <a:noFill/>
          </a:ln>
        </p:spPr>
        <p:txBody>
          <a:bodyPr tIns="0" bIns="0" anchor="t" anchorCtr="0"/>
          <a:lstStyle>
            <a:defPPr>
              <a:defRPr lang="en-US"/>
            </a:defPPr>
            <a:lvl1pPr marL="0" algn="r" defTabSz="914400" rtl="0" eaLnBrk="1" latinLnBrk="0" hangingPunct="1">
              <a:defRPr sz="1000" kern="1200">
                <a:solidFill>
                  <a:srgbClr val="D40D2F"/>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2000" b="1" dirty="0">
                <a:solidFill>
                  <a:schemeClr val="bg1"/>
                </a:solidFill>
                <a:latin typeface="Open Sans" panose="020B0606030504020204" pitchFamily="34" charset="0"/>
                <a:ea typeface="Open Sans" panose="020B0606030504020204" pitchFamily="34" charset="0"/>
                <a:cs typeface="Open Sans" panose="020B0606030504020204" pitchFamily="34" charset="0"/>
              </a:rPr>
              <a:t>October 13, 2025</a:t>
            </a:r>
          </a:p>
        </p:txBody>
      </p:sp>
      <p:sp>
        <p:nvSpPr>
          <p:cNvPr id="5" name="Title 3">
            <a:extLst>
              <a:ext uri="{FF2B5EF4-FFF2-40B4-BE49-F238E27FC236}">
                <a16:creationId xmlns:a16="http://schemas.microsoft.com/office/drawing/2014/main" id="{8F61A82D-7937-E84E-BB96-62D884A88CE6}"/>
              </a:ext>
            </a:extLst>
          </p:cNvPr>
          <p:cNvSpPr txBox="1">
            <a:spLocks/>
          </p:cNvSpPr>
          <p:nvPr/>
        </p:nvSpPr>
        <p:spPr>
          <a:xfrm>
            <a:off x="612240" y="4950578"/>
            <a:ext cx="6036210" cy="1221622"/>
          </a:xfrm>
          <a:prstGeom prst="rect">
            <a:avLst/>
          </a:prstGeom>
          <a:ln>
            <a:noFill/>
          </a:ln>
        </p:spPr>
        <p:txBody>
          <a:bodyPr vert="horz" lIns="30480" tIns="0" rIns="30480" bIns="0" rtlCol="0" anchor="t" anchorCtr="0">
            <a:noAutofit/>
          </a:bodyPr>
          <a:lstStyle>
            <a:lvl1pPr algn="l" defTabSz="457200" rtl="0" eaLnBrk="1" latinLnBrk="0" hangingPunct="1">
              <a:lnSpc>
                <a:spcPts val="1200"/>
              </a:lnSpc>
              <a:spcBef>
                <a:spcPct val="0"/>
              </a:spcBef>
              <a:buNone/>
              <a:defRPr sz="1000" kern="1200" baseline="0">
                <a:solidFill>
                  <a:srgbClr val="7F7F7F"/>
                </a:solidFill>
                <a:latin typeface="Arial"/>
                <a:ea typeface="+mj-ea"/>
                <a:cs typeface="Arial"/>
              </a:defRPr>
            </a:lvl1pPr>
          </a:lstStyle>
          <a:p>
            <a:pPr>
              <a:lnSpc>
                <a:spcPct val="110000"/>
              </a:lnSpc>
            </a:pPr>
            <a:r>
              <a:rPr lang="en-US" sz="2000" dirty="0">
                <a:solidFill>
                  <a:schemeClr val="bg1"/>
                </a:solidFill>
                <a:latin typeface="Open Sans" panose="020B0606030504020204" pitchFamily="34" charset="0"/>
                <a:ea typeface="Open Sans" panose="020B0606030504020204" pitchFamily="34" charset="0"/>
                <a:cs typeface="Open Sans" panose="020B0606030504020204" pitchFamily="34" charset="0"/>
              </a:rPr>
              <a:t>SBA For-Profit 2025 Meeting</a:t>
            </a:r>
          </a:p>
          <a:p>
            <a:pPr>
              <a:lnSpc>
                <a:spcPct val="110000"/>
              </a:lnSpc>
            </a:pPr>
            <a:r>
              <a:rPr lang="en-US" sz="2000" dirty="0">
                <a:solidFill>
                  <a:schemeClr val="bg1"/>
                </a:solidFill>
                <a:latin typeface="Open Sans" panose="020B0606030504020204" pitchFamily="34" charset="0"/>
                <a:ea typeface="Open Sans" panose="020B0606030504020204" pitchFamily="34" charset="0"/>
                <a:cs typeface="Open Sans" panose="020B0606030504020204" pitchFamily="34" charset="0"/>
              </a:rPr>
              <a:t>Bozeman, MT</a:t>
            </a:r>
          </a:p>
          <a:p>
            <a:pPr>
              <a:lnSpc>
                <a:spcPct val="110000"/>
              </a:lnSpc>
            </a:pPr>
            <a:r>
              <a:rPr lang="en-US" sz="2000" dirty="0">
                <a:solidFill>
                  <a:schemeClr val="bg1"/>
                </a:solidFill>
                <a:latin typeface="Open Sans" panose="020B0606030504020204" pitchFamily="34" charset="0"/>
                <a:ea typeface="Open Sans" panose="020B0606030504020204" pitchFamily="34" charset="0"/>
                <a:cs typeface="Open Sans" panose="020B0606030504020204" pitchFamily="34" charset="0"/>
              </a:rPr>
              <a:t>In coordination with Synergy by Association</a:t>
            </a:r>
          </a:p>
        </p:txBody>
      </p:sp>
      <p:sp>
        <p:nvSpPr>
          <p:cNvPr id="14" name="Title 13">
            <a:extLst>
              <a:ext uri="{FF2B5EF4-FFF2-40B4-BE49-F238E27FC236}">
                <a16:creationId xmlns:a16="http://schemas.microsoft.com/office/drawing/2014/main" id="{71DE6138-0B2C-CA48-B028-8392C981E70E}"/>
              </a:ext>
            </a:extLst>
          </p:cNvPr>
          <p:cNvSpPr>
            <a:spLocks noGrp="1"/>
          </p:cNvSpPr>
          <p:nvPr>
            <p:ph type="ctrTitle"/>
          </p:nvPr>
        </p:nvSpPr>
        <p:spPr>
          <a:xfrm>
            <a:off x="477519" y="1698759"/>
            <a:ext cx="4832418" cy="2507528"/>
          </a:xfrm>
        </p:spPr>
        <p:txBody>
          <a:bodyPr>
            <a:noAutofit/>
          </a:bodyPr>
          <a:lstStyle/>
          <a:p>
            <a:r>
              <a:rPr lang="en-US" dirty="0"/>
              <a:t>Business</a:t>
            </a:r>
            <a:br>
              <a:rPr lang="en-US" dirty="0"/>
            </a:br>
            <a:r>
              <a:rPr lang="en-US" dirty="0"/>
              <a:t>Update</a:t>
            </a:r>
          </a:p>
        </p:txBody>
      </p:sp>
    </p:spTree>
    <p:custDataLst>
      <p:custData r:id="rId1"/>
      <p:custData r:id="rId2"/>
    </p:custDataLst>
    <p:extLst>
      <p:ext uri="{BB962C8B-B14F-4D97-AF65-F5344CB8AC3E}">
        <p14:creationId xmlns:p14="http://schemas.microsoft.com/office/powerpoint/2010/main" val="110775909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BCF14D-7921-F941-BAB3-F16798EEED28}"/>
              </a:ext>
            </a:extLst>
          </p:cNvPr>
          <p:cNvSpPr>
            <a:spLocks noGrp="1"/>
          </p:cNvSpPr>
          <p:nvPr>
            <p:ph type="title"/>
          </p:nvPr>
        </p:nvSpPr>
        <p:spPr>
          <a:xfrm>
            <a:off x="477520" y="304165"/>
            <a:ext cx="10131552" cy="1325563"/>
          </a:xfrm>
        </p:spPr>
        <p:txBody>
          <a:bodyPr/>
          <a:lstStyle/>
          <a:p>
            <a:r>
              <a:rPr lang="en-US"/>
              <a:t>ODP Business Solutions Mobile App</a:t>
            </a:r>
            <a:endParaRPr lang="en-US" dirty="0"/>
          </a:p>
        </p:txBody>
      </p:sp>
      <p:sp>
        <p:nvSpPr>
          <p:cNvPr id="3" name="Title 1">
            <a:extLst>
              <a:ext uri="{FF2B5EF4-FFF2-40B4-BE49-F238E27FC236}">
                <a16:creationId xmlns:a16="http://schemas.microsoft.com/office/drawing/2014/main" id="{7AE82875-68E9-57D6-8269-F9FEB65FD84C}"/>
              </a:ext>
            </a:extLst>
          </p:cNvPr>
          <p:cNvSpPr txBox="1">
            <a:spLocks/>
          </p:cNvSpPr>
          <p:nvPr/>
        </p:nvSpPr>
        <p:spPr>
          <a:xfrm>
            <a:off x="553720" y="1125078"/>
            <a:ext cx="10131552" cy="838835"/>
          </a:xfrm>
          <a:prstGeom prst="rect">
            <a:avLst/>
          </a:prstGeom>
        </p:spPr>
        <p:txBody>
          <a:bodyPr vert="horz" lIns="91440" tIns="45720" rIns="91440" bIns="45720" rtlCol="0" anchor="ctr">
            <a:normAutofit/>
          </a:bodyPr>
          <a:lstStyle>
            <a:lvl1pPr algn="l" defTabSz="914400" rtl="0" eaLnBrk="1" latinLnBrk="0" hangingPunct="1">
              <a:lnSpc>
                <a:spcPct val="90000"/>
              </a:lnSpc>
              <a:spcBef>
                <a:spcPct val="0"/>
              </a:spcBef>
              <a:buNone/>
              <a:defRPr sz="3200"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r>
              <a:rPr lang="en-US" sz="1800"/>
              <a:t>You can now order the products and supplies you need for your business using the ODP Business Solutions Mobile app, available in the Apple Store &amp; on Google Play</a:t>
            </a:r>
            <a:endParaRPr lang="en-US" sz="1800" dirty="0"/>
          </a:p>
        </p:txBody>
      </p:sp>
      <p:pic>
        <p:nvPicPr>
          <p:cNvPr id="18" name="Picture 17" descr="Qr code&#10;&#10;Description automatically generated">
            <a:extLst>
              <a:ext uri="{FF2B5EF4-FFF2-40B4-BE49-F238E27FC236}">
                <a16:creationId xmlns:a16="http://schemas.microsoft.com/office/drawing/2014/main" id="{F158A596-F35D-CFA8-BB44-317C0A735C8C}"/>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057573" y="2828150"/>
            <a:ext cx="2997200" cy="2997200"/>
          </a:xfrm>
          <a:prstGeom prst="rect">
            <a:avLst/>
          </a:prstGeom>
        </p:spPr>
      </p:pic>
      <p:pic>
        <p:nvPicPr>
          <p:cNvPr id="22" name="Picture 21" descr="Qr code&#10;&#10;Description automatically generated">
            <a:extLst>
              <a:ext uri="{FF2B5EF4-FFF2-40B4-BE49-F238E27FC236}">
                <a16:creationId xmlns:a16="http://schemas.microsoft.com/office/drawing/2014/main" id="{DBA9C3A2-B1EE-4906-23E0-BE2362D8016B}"/>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7934130" y="2828151"/>
            <a:ext cx="2997199" cy="2997199"/>
          </a:xfrm>
          <a:prstGeom prst="rect">
            <a:avLst/>
          </a:prstGeom>
        </p:spPr>
      </p:pic>
      <p:pic>
        <p:nvPicPr>
          <p:cNvPr id="31" name="Picture 30" descr="A person looking at a tablet&#10;&#10;Description automatically generated with medium confidence">
            <a:extLst>
              <a:ext uri="{FF2B5EF4-FFF2-40B4-BE49-F238E27FC236}">
                <a16:creationId xmlns:a16="http://schemas.microsoft.com/office/drawing/2014/main" id="{C1B2DDBC-0F7C-5620-BAFA-E3A967E917D8}"/>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4138764" y="2161283"/>
            <a:ext cx="3711375" cy="2474250"/>
          </a:xfrm>
          <a:prstGeom prst="rect">
            <a:avLst/>
          </a:prstGeom>
        </p:spPr>
      </p:pic>
      <p:sp>
        <p:nvSpPr>
          <p:cNvPr id="32" name="TextBox 31">
            <a:extLst>
              <a:ext uri="{FF2B5EF4-FFF2-40B4-BE49-F238E27FC236}">
                <a16:creationId xmlns:a16="http://schemas.microsoft.com/office/drawing/2014/main" id="{11CD68AC-0501-A681-D57F-29BF01A5DD72}"/>
              </a:ext>
            </a:extLst>
          </p:cNvPr>
          <p:cNvSpPr txBox="1"/>
          <p:nvPr/>
        </p:nvSpPr>
        <p:spPr>
          <a:xfrm>
            <a:off x="1057573" y="2034066"/>
            <a:ext cx="2861284" cy="646331"/>
          </a:xfrm>
          <a:prstGeom prst="rect">
            <a:avLst/>
          </a:prstGeom>
          <a:noFill/>
        </p:spPr>
        <p:txBody>
          <a:bodyPr wrap="square" rtlCol="0">
            <a:spAutoFit/>
          </a:bodyPr>
          <a:lstStyle/>
          <a:p>
            <a:r>
              <a:rPr lang="en-US" dirty="0"/>
              <a:t>ODP Business Solutions App</a:t>
            </a:r>
          </a:p>
          <a:p>
            <a:pPr algn="ctr"/>
            <a:r>
              <a:rPr lang="en-US" b="1" dirty="0"/>
              <a:t>Apple Store</a:t>
            </a:r>
          </a:p>
        </p:txBody>
      </p:sp>
      <p:sp>
        <p:nvSpPr>
          <p:cNvPr id="37" name="TextBox 36">
            <a:extLst>
              <a:ext uri="{FF2B5EF4-FFF2-40B4-BE49-F238E27FC236}">
                <a16:creationId xmlns:a16="http://schemas.microsoft.com/office/drawing/2014/main" id="{6B5791E7-04CA-BD10-5C79-2BB90164B7FC}"/>
              </a:ext>
            </a:extLst>
          </p:cNvPr>
          <p:cNvSpPr txBox="1"/>
          <p:nvPr/>
        </p:nvSpPr>
        <p:spPr>
          <a:xfrm>
            <a:off x="7948853" y="2034065"/>
            <a:ext cx="2861284" cy="646331"/>
          </a:xfrm>
          <a:prstGeom prst="rect">
            <a:avLst/>
          </a:prstGeom>
          <a:noFill/>
        </p:spPr>
        <p:txBody>
          <a:bodyPr wrap="square" rtlCol="0">
            <a:spAutoFit/>
          </a:bodyPr>
          <a:lstStyle/>
          <a:p>
            <a:r>
              <a:rPr lang="en-US" dirty="0"/>
              <a:t>ODP Business Solutions App</a:t>
            </a:r>
          </a:p>
          <a:p>
            <a:pPr algn="ctr"/>
            <a:r>
              <a:rPr lang="en-US" b="1" dirty="0"/>
              <a:t>Google Play</a:t>
            </a:r>
          </a:p>
        </p:txBody>
      </p:sp>
    </p:spTree>
    <p:custDataLst>
      <p:custData r:id="rId1"/>
      <p:custData r:id="rId2"/>
    </p:custDataLst>
    <p:extLst>
      <p:ext uri="{BB962C8B-B14F-4D97-AF65-F5344CB8AC3E}">
        <p14:creationId xmlns:p14="http://schemas.microsoft.com/office/powerpoint/2010/main" val="2309229368"/>
      </p:ext>
    </p:extLst>
  </p:cSld>
  <p:clrMapOvr>
    <a:masterClrMapping/>
  </p:clrMapOvr>
  <mc:AlternateContent xmlns:mc="http://schemas.openxmlformats.org/markup-compatibility/2006" xmlns:p15="http://schemas.microsoft.com/office/powerpoint/2012/main">
    <mc:Choice Requires="p15">
      <p:transition xmlns:p14="http://schemas.microsoft.com/office/powerpoint/2010/main" spd="slow" p14:dur="1250">
        <p15:prstTrans prst="pageCurlDouble"/>
      </p:transition>
    </mc:Choice>
    <mc:Fallback xmlns="" xmlns:a16="http://schemas.microsoft.com/office/drawing/2014/main" xmlns:a14="http://schemas.microsoft.com/office/drawing/2010/main" xmlns:p14="http://schemas.microsoft.com/office/powerpoint/2010/main">
      <p:transition spd="slow">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591380C-31DE-4349-BA40-0ACEA18064BF}"/>
              </a:ext>
            </a:extLst>
          </p:cNvPr>
          <p:cNvSpPr>
            <a:spLocks noGrp="1"/>
          </p:cNvSpPr>
          <p:nvPr>
            <p:ph type="title"/>
          </p:nvPr>
        </p:nvSpPr>
        <p:spPr/>
        <p:txBody>
          <a:bodyPr/>
          <a:lstStyle/>
          <a:p>
            <a:pPr>
              <a:lnSpc>
                <a:spcPct val="100000"/>
              </a:lnSpc>
            </a:pPr>
            <a:r>
              <a:rPr lang="en-US"/>
              <a:t>Appendix</a:t>
            </a:r>
          </a:p>
        </p:txBody>
      </p:sp>
    </p:spTree>
    <p:custDataLst>
      <p:custData r:id="rId1"/>
      <p:custData r:id="rId2"/>
    </p:custDataLst>
    <p:extLst>
      <p:ext uri="{BB962C8B-B14F-4D97-AF65-F5344CB8AC3E}">
        <p14:creationId xmlns:p14="http://schemas.microsoft.com/office/powerpoint/2010/main" val="429428696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8" name="Picture 4" descr="Realspace® Magellan 60&quot;W Corner Desk, Gray">
            <a:extLst>
              <a:ext uri="{FF2B5EF4-FFF2-40B4-BE49-F238E27FC236}">
                <a16:creationId xmlns:a16="http://schemas.microsoft.com/office/drawing/2014/main" id="{E1957DE7-AF2C-454D-90DB-691A542B1AD0}"/>
              </a:ext>
            </a:extLst>
          </p:cNvPr>
          <p:cNvPicPr>
            <a:picLocks noGrp="1" noChangeAspect="1" noChangeArrowheads="1"/>
          </p:cNvPicPr>
          <p:nvPr>
            <p:ph type="pic" sz="quarter" idx="13"/>
          </p:nvPr>
        </p:nvPicPr>
        <p:blipFill rotWithShape="1">
          <a:blip r:embed="rId5" cstate="print">
            <a:extLst>
              <a:ext uri="{28A0092B-C50C-407E-A947-70E740481C1C}">
                <a14:useLocalDpi xmlns:a14="http://schemas.microsoft.com/office/drawing/2010/main" val="0"/>
              </a:ext>
            </a:extLst>
          </a:blip>
          <a:srcRect/>
          <a:stretch/>
        </p:blipFill>
        <p:spPr bwMode="auto">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CC24E981-DC66-7248-8579-6EB665B98F27}"/>
              </a:ext>
            </a:extLst>
          </p:cNvPr>
          <p:cNvSpPr>
            <a:spLocks noGrp="1"/>
          </p:cNvSpPr>
          <p:nvPr>
            <p:ph type="title"/>
          </p:nvPr>
        </p:nvSpPr>
        <p:spPr/>
        <p:txBody>
          <a:bodyPr>
            <a:normAutofit/>
          </a:bodyPr>
          <a:lstStyle/>
          <a:p>
            <a:r>
              <a:rPr lang="en-US"/>
              <a:t>ODP Business Solutions</a:t>
            </a:r>
            <a:r>
              <a:rPr lang="en-US" baseline="30000"/>
              <a:t>™</a:t>
            </a:r>
            <a:r>
              <a:rPr lang="en-US"/>
              <a:t> collection of brands</a:t>
            </a:r>
          </a:p>
        </p:txBody>
      </p:sp>
      <p:sp>
        <p:nvSpPr>
          <p:cNvPr id="7" name="Content Placeholder 6">
            <a:extLst>
              <a:ext uri="{FF2B5EF4-FFF2-40B4-BE49-F238E27FC236}">
                <a16:creationId xmlns:a16="http://schemas.microsoft.com/office/drawing/2014/main" id="{72436932-6757-8844-B8B2-5F5A81B8D025}"/>
              </a:ext>
            </a:extLst>
          </p:cNvPr>
          <p:cNvSpPr>
            <a:spLocks noGrp="1"/>
          </p:cNvSpPr>
          <p:nvPr>
            <p:ph sz="half" idx="1"/>
          </p:nvPr>
        </p:nvSpPr>
        <p:spPr>
          <a:prstGeom prst="rect">
            <a:avLst/>
          </a:prstGeom>
        </p:spPr>
        <p:txBody>
          <a:bodyPr>
            <a:noAutofit/>
          </a:bodyPr>
          <a:lstStyle/>
          <a:p>
            <a:pPr marL="0" lvl="1" indent="0">
              <a:spcBef>
                <a:spcPts val="0"/>
              </a:spcBef>
              <a:spcAft>
                <a:spcPts val="200"/>
              </a:spcAft>
              <a:buNone/>
            </a:pPr>
            <a:r>
              <a:rPr lang="en-US" sz="1800" b="1">
                <a:solidFill>
                  <a:schemeClr val="accent1"/>
                </a:solidFill>
              </a:rPr>
              <a:t>Well designed. Well made. Well priced.</a:t>
            </a:r>
            <a:endParaRPr lang="en-US" sz="1800">
              <a:solidFill>
                <a:schemeClr val="accent1"/>
              </a:solidFill>
            </a:endParaRPr>
          </a:p>
          <a:p>
            <a:pPr lvl="1">
              <a:lnSpc>
                <a:spcPct val="100000"/>
              </a:lnSpc>
            </a:pPr>
            <a:r>
              <a:rPr lang="en-US"/>
              <a:t>TUL</a:t>
            </a:r>
            <a:r>
              <a:rPr lang="en-US" baseline="30000"/>
              <a:t>®</a:t>
            </a:r>
          </a:p>
          <a:p>
            <a:pPr lvl="1">
              <a:lnSpc>
                <a:spcPct val="100000"/>
              </a:lnSpc>
            </a:pPr>
            <a:r>
              <a:rPr lang="en-US"/>
              <a:t>WorkPro</a:t>
            </a:r>
            <a:r>
              <a:rPr lang="en-US" baseline="30000"/>
              <a:t>®</a:t>
            </a:r>
          </a:p>
          <a:p>
            <a:pPr lvl="1">
              <a:lnSpc>
                <a:spcPct val="100000"/>
              </a:lnSpc>
            </a:pPr>
            <a:r>
              <a:rPr lang="en-US"/>
              <a:t>Realspace</a:t>
            </a:r>
            <a:r>
              <a:rPr lang="en-US" baseline="30000"/>
              <a:t>®</a:t>
            </a:r>
          </a:p>
          <a:p>
            <a:pPr lvl="1">
              <a:lnSpc>
                <a:spcPct val="100000"/>
              </a:lnSpc>
            </a:pPr>
            <a:r>
              <a:rPr lang="en-US"/>
              <a:t>Highmark</a:t>
            </a:r>
            <a:r>
              <a:rPr lang="en-US" baseline="30000"/>
              <a:t>®</a:t>
            </a:r>
          </a:p>
          <a:p>
            <a:pPr lvl="1">
              <a:lnSpc>
                <a:spcPct val="100000"/>
              </a:lnSpc>
            </a:pPr>
            <a:r>
              <a:rPr lang="en-US" err="1"/>
              <a:t>Ativa</a:t>
            </a:r>
            <a:r>
              <a:rPr lang="en-US" baseline="30000"/>
              <a:t>®</a:t>
            </a:r>
          </a:p>
          <a:p>
            <a:pPr lvl="1">
              <a:lnSpc>
                <a:spcPct val="100000"/>
              </a:lnSpc>
            </a:pPr>
            <a:r>
              <a:rPr lang="en-US"/>
              <a:t>High-quality school supplies </a:t>
            </a:r>
          </a:p>
          <a:p>
            <a:pPr lvl="1">
              <a:lnSpc>
                <a:spcPct val="100000"/>
              </a:lnSpc>
            </a:pPr>
            <a:r>
              <a:rPr lang="en-US"/>
              <a:t>See Jane Work</a:t>
            </a:r>
            <a:r>
              <a:rPr lang="en-US" baseline="30000"/>
              <a:t>®</a:t>
            </a:r>
            <a:r>
              <a:rPr lang="en-US"/>
              <a:t> exclusive brand partner</a:t>
            </a:r>
          </a:p>
          <a:p>
            <a:pPr lvl="1">
              <a:lnSpc>
                <a:spcPct val="100000"/>
              </a:lnSpc>
            </a:pPr>
            <a:r>
              <a:rPr lang="en-US"/>
              <a:t>Executive Suite</a:t>
            </a:r>
            <a:r>
              <a:rPr lang="en-US" baseline="30000"/>
              <a:t>®</a:t>
            </a:r>
          </a:p>
          <a:p>
            <a:pPr>
              <a:spcBef>
                <a:spcPts val="500"/>
              </a:spcBef>
            </a:pPr>
            <a:endParaRPr lang="en-US">
              <a:solidFill>
                <a:schemeClr val="bg1"/>
              </a:solidFill>
            </a:endParaRPr>
          </a:p>
          <a:p>
            <a:pPr>
              <a:spcBef>
                <a:spcPts val="500"/>
              </a:spcBef>
            </a:pPr>
            <a:endParaRPr lang="en-US">
              <a:solidFill>
                <a:schemeClr val="bg1"/>
              </a:solidFill>
            </a:endParaRPr>
          </a:p>
          <a:p>
            <a:pPr>
              <a:spcBef>
                <a:spcPts val="500"/>
              </a:spcBef>
            </a:pPr>
            <a:endParaRPr lang="en-US">
              <a:solidFill>
                <a:schemeClr val="bg1"/>
              </a:solidFill>
            </a:endParaRPr>
          </a:p>
          <a:p>
            <a:pPr>
              <a:spcBef>
                <a:spcPts val="500"/>
              </a:spcBef>
            </a:pPr>
            <a:endParaRPr lang="en-US" sz="1600">
              <a:solidFill>
                <a:schemeClr val="bg1"/>
              </a:solidFill>
            </a:endParaRPr>
          </a:p>
        </p:txBody>
      </p:sp>
      <p:sp>
        <p:nvSpPr>
          <p:cNvPr id="13" name="TextBox 12">
            <a:extLst>
              <a:ext uri="{FF2B5EF4-FFF2-40B4-BE49-F238E27FC236}">
                <a16:creationId xmlns:a16="http://schemas.microsoft.com/office/drawing/2014/main" id="{C3F2AB90-26E9-814D-BB63-F9BC0A891753}"/>
              </a:ext>
            </a:extLst>
          </p:cNvPr>
          <p:cNvSpPr txBox="1"/>
          <p:nvPr/>
        </p:nvSpPr>
        <p:spPr>
          <a:xfrm>
            <a:off x="485798" y="5212427"/>
            <a:ext cx="5333111" cy="338554"/>
          </a:xfrm>
          <a:prstGeom prst="rect">
            <a:avLst/>
          </a:prstGeom>
          <a:noFill/>
        </p:spPr>
        <p:txBody>
          <a:bodyPr wrap="square" rtlCol="0">
            <a:spAutoFit/>
          </a:bodyPr>
          <a:lstStyle/>
          <a:p>
            <a:pPr>
              <a:spcAft>
                <a:spcPts val="800"/>
              </a:spcAft>
            </a:pPr>
            <a:r>
              <a:rPr lang="en-US" sz="800" err="1">
                <a:solidFill>
                  <a:schemeClr val="accent1"/>
                </a:solidFill>
                <a:latin typeface="Open Sans" panose="020B0606030504020204" pitchFamily="34" charset="0"/>
                <a:ea typeface="Open Sans" panose="020B0606030504020204" pitchFamily="34" charset="0"/>
                <a:cs typeface="Open Sans" panose="020B0606030504020204" pitchFamily="34" charset="0"/>
              </a:rPr>
              <a:t>Ativa</a:t>
            </a:r>
            <a:r>
              <a:rPr lang="en-US" sz="800">
                <a:solidFill>
                  <a:schemeClr val="accent1"/>
                </a:solidFill>
                <a:latin typeface="Open Sans" panose="020B0606030504020204" pitchFamily="34" charset="0"/>
                <a:ea typeface="Open Sans" panose="020B0606030504020204" pitchFamily="34" charset="0"/>
                <a:cs typeface="Open Sans" panose="020B0606030504020204" pitchFamily="34" charset="0"/>
              </a:rPr>
              <a:t>, Executive Suite, and Realspace are trademarks of The Office Club, Inc. TUL is a trademark of OMX, Inc. Highmark and </a:t>
            </a:r>
            <a:r>
              <a:rPr lang="en-US" sz="800" err="1">
                <a:solidFill>
                  <a:schemeClr val="accent1"/>
                </a:solidFill>
                <a:latin typeface="Open Sans" panose="020B0606030504020204" pitchFamily="34" charset="0"/>
                <a:ea typeface="Open Sans" panose="020B0606030504020204" pitchFamily="34" charset="0"/>
                <a:cs typeface="Open Sans" panose="020B0606030504020204" pitchFamily="34" charset="0"/>
              </a:rPr>
              <a:t>WorkPro</a:t>
            </a:r>
            <a:r>
              <a:rPr lang="en-US" sz="800">
                <a:solidFill>
                  <a:schemeClr val="accent1"/>
                </a:solidFill>
                <a:latin typeface="Open Sans" panose="020B0606030504020204" pitchFamily="34" charset="0"/>
                <a:ea typeface="Open Sans" panose="020B0606030504020204" pitchFamily="34" charset="0"/>
                <a:cs typeface="Open Sans" panose="020B0606030504020204" pitchFamily="34" charset="0"/>
              </a:rPr>
              <a:t> are trademarks of </a:t>
            </a:r>
            <a:r>
              <a:rPr lang="en-US" sz="800" err="1">
                <a:solidFill>
                  <a:schemeClr val="accent1"/>
                </a:solidFill>
                <a:latin typeface="Open Sans" panose="020B0606030504020204" pitchFamily="34" charset="0"/>
                <a:ea typeface="Open Sans" panose="020B0606030504020204" pitchFamily="34" charset="0"/>
                <a:cs typeface="Open Sans" panose="020B0606030504020204" pitchFamily="34" charset="0"/>
              </a:rPr>
              <a:t>Veyer</a:t>
            </a:r>
            <a:r>
              <a:rPr lang="en-US" sz="800">
                <a:solidFill>
                  <a:schemeClr val="accent1"/>
                </a:solidFill>
                <a:latin typeface="Open Sans" panose="020B0606030504020204" pitchFamily="34" charset="0"/>
                <a:ea typeface="Open Sans" panose="020B0606030504020204" pitchFamily="34" charset="0"/>
                <a:cs typeface="Open Sans" panose="020B0606030504020204" pitchFamily="34" charset="0"/>
              </a:rPr>
              <a:t>, LLC. </a:t>
            </a:r>
          </a:p>
        </p:txBody>
      </p:sp>
      <p:grpSp>
        <p:nvGrpSpPr>
          <p:cNvPr id="15" name="Group 14">
            <a:extLst>
              <a:ext uri="{FF2B5EF4-FFF2-40B4-BE49-F238E27FC236}">
                <a16:creationId xmlns:a16="http://schemas.microsoft.com/office/drawing/2014/main" id="{3355446D-B4B9-8348-869E-0D38769843A5}"/>
              </a:ext>
            </a:extLst>
          </p:cNvPr>
          <p:cNvGrpSpPr/>
          <p:nvPr/>
        </p:nvGrpSpPr>
        <p:grpSpPr>
          <a:xfrm>
            <a:off x="590389" y="4459335"/>
            <a:ext cx="5178848" cy="726196"/>
            <a:chOff x="1389182" y="4077097"/>
            <a:chExt cx="4577835" cy="641920"/>
          </a:xfrm>
        </p:grpSpPr>
        <p:pic>
          <p:nvPicPr>
            <p:cNvPr id="21" name="Picture 20" descr="Logo, company name&#10;&#10;Description automatically generated">
              <a:extLst>
                <a:ext uri="{FF2B5EF4-FFF2-40B4-BE49-F238E27FC236}">
                  <a16:creationId xmlns:a16="http://schemas.microsoft.com/office/drawing/2014/main" id="{B20D1F33-4E9F-E040-9126-726B0EFF8A32}"/>
                </a:ext>
              </a:extLst>
            </p:cNvPr>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1389182" y="4077097"/>
              <a:ext cx="869476" cy="641920"/>
            </a:xfrm>
            <a:prstGeom prst="rect">
              <a:avLst/>
            </a:prstGeom>
            <a:ln w="3175">
              <a:noFill/>
            </a:ln>
            <a:effectLst/>
          </p:spPr>
        </p:pic>
        <p:pic>
          <p:nvPicPr>
            <p:cNvPr id="22" name="Picture 21" descr="Logo, company name&#10;&#10;Description automatically generated">
              <a:extLst>
                <a:ext uri="{FF2B5EF4-FFF2-40B4-BE49-F238E27FC236}">
                  <a16:creationId xmlns:a16="http://schemas.microsoft.com/office/drawing/2014/main" id="{1ABE1804-7554-DC4B-A500-963D1A66707F}"/>
                </a:ext>
              </a:extLst>
            </p:cNvPr>
            <p:cNvPicPr>
              <a:picLocks noChangeAspect="1"/>
            </p:cNvPicPr>
            <p:nvPr/>
          </p:nvPicPr>
          <p:blipFill rotWithShape="1">
            <a:blip r:embed="rId7" cstate="email">
              <a:extLst>
                <a:ext uri="{BEBA8EAE-BF5A-486C-A8C5-ECC9F3942E4B}">
                  <a14:imgProps xmlns:a14="http://schemas.microsoft.com/office/drawing/2010/main">
                    <a14:imgLayer r:embed="rId8">
                      <a14:imgEffect>
                        <a14:brightnessContrast bright="-4000"/>
                      </a14:imgEffect>
                    </a14:imgLayer>
                  </a14:imgProps>
                </a:ext>
                <a:ext uri="{28A0092B-C50C-407E-A947-70E740481C1C}">
                  <a14:useLocalDpi xmlns:a14="http://schemas.microsoft.com/office/drawing/2010/main" val="0"/>
                </a:ext>
              </a:extLst>
            </a:blip>
            <a:srcRect l="8719" t="9880" r="9880" b="8719"/>
            <a:stretch/>
          </p:blipFill>
          <p:spPr>
            <a:xfrm>
              <a:off x="2317253" y="4077097"/>
              <a:ext cx="869476" cy="641920"/>
            </a:xfrm>
            <a:prstGeom prst="rect">
              <a:avLst/>
            </a:prstGeom>
            <a:ln w="3175">
              <a:noFill/>
            </a:ln>
            <a:effectLst/>
          </p:spPr>
        </p:pic>
        <p:pic>
          <p:nvPicPr>
            <p:cNvPr id="23" name="Picture 22" descr="A picture containing text, indoor, screenshot, picture frame&#10;&#10;Description automatically generated">
              <a:extLst>
                <a:ext uri="{FF2B5EF4-FFF2-40B4-BE49-F238E27FC236}">
                  <a16:creationId xmlns:a16="http://schemas.microsoft.com/office/drawing/2014/main" id="{723D82BA-34B5-0545-81A5-9BF177A61F4E}"/>
                </a:ext>
              </a:extLst>
            </p:cNvPr>
            <p:cNvPicPr>
              <a:picLocks noChangeAspect="1"/>
            </p:cNvPicPr>
            <p:nvPr/>
          </p:nvPicPr>
          <p:blipFill rotWithShape="1">
            <a:blip r:embed="rId9" cstate="email">
              <a:extLst>
                <a:ext uri="{BEBA8EAE-BF5A-486C-A8C5-ECC9F3942E4B}">
                  <a14:imgProps xmlns:a14="http://schemas.microsoft.com/office/drawing/2010/main">
                    <a14:imgLayer r:embed="rId10">
                      <a14:imgEffect>
                        <a14:brightnessContrast bright="-8000"/>
                      </a14:imgEffect>
                    </a14:imgLayer>
                  </a14:imgProps>
                </a:ext>
                <a:ext uri="{28A0092B-C50C-407E-A947-70E740481C1C}">
                  <a14:useLocalDpi xmlns:a14="http://schemas.microsoft.com/office/drawing/2010/main" val="0"/>
                </a:ext>
              </a:extLst>
            </a:blip>
            <a:srcRect l="6348" t="8198" r="8197" b="6347"/>
            <a:stretch/>
          </p:blipFill>
          <p:spPr>
            <a:xfrm>
              <a:off x="3237159" y="4077097"/>
              <a:ext cx="869476" cy="641920"/>
            </a:xfrm>
            <a:prstGeom prst="rect">
              <a:avLst/>
            </a:prstGeom>
            <a:ln w="3175">
              <a:noFill/>
            </a:ln>
            <a:effectLst/>
          </p:spPr>
        </p:pic>
        <p:pic>
          <p:nvPicPr>
            <p:cNvPr id="24" name="Picture 23" descr="Logo&#10;&#10;Description automatically generated">
              <a:extLst>
                <a:ext uri="{FF2B5EF4-FFF2-40B4-BE49-F238E27FC236}">
                  <a16:creationId xmlns:a16="http://schemas.microsoft.com/office/drawing/2014/main" id="{B28E1A02-496A-F54F-BE06-42F03FA9236C}"/>
                </a:ext>
              </a:extLst>
            </p:cNvPr>
            <p:cNvPicPr>
              <a:picLocks noChangeAspect="1"/>
            </p:cNvPicPr>
            <p:nvPr/>
          </p:nvPicPr>
          <p:blipFill>
            <a:blip r:embed="rId11" cstate="print">
              <a:extLst>
                <a:ext uri="{BEBA8EAE-BF5A-486C-A8C5-ECC9F3942E4B}">
                  <a14:imgProps xmlns:a14="http://schemas.microsoft.com/office/drawing/2010/main">
                    <a14:imgLayer r:embed="rId12">
                      <a14:imgEffect>
                        <a14:brightnessContrast bright="-2000"/>
                      </a14:imgEffect>
                    </a14:imgLayer>
                  </a14:imgProps>
                </a:ext>
                <a:ext uri="{28A0092B-C50C-407E-A947-70E740481C1C}">
                  <a14:useLocalDpi xmlns:a14="http://schemas.microsoft.com/office/drawing/2010/main" val="0"/>
                </a:ext>
              </a:extLst>
            </a:blip>
            <a:stretch>
              <a:fillRect/>
            </a:stretch>
          </p:blipFill>
          <p:spPr>
            <a:xfrm>
              <a:off x="4165229" y="4077097"/>
              <a:ext cx="869476" cy="641920"/>
            </a:xfrm>
            <a:prstGeom prst="rect">
              <a:avLst/>
            </a:prstGeom>
            <a:ln w="3175">
              <a:noFill/>
            </a:ln>
            <a:effectLst/>
          </p:spPr>
        </p:pic>
        <p:pic>
          <p:nvPicPr>
            <p:cNvPr id="25" name="Picture 24" descr="Graphical user interface, application&#10;&#10;Description automatically generated">
              <a:extLst>
                <a:ext uri="{FF2B5EF4-FFF2-40B4-BE49-F238E27FC236}">
                  <a16:creationId xmlns:a16="http://schemas.microsoft.com/office/drawing/2014/main" id="{DE73F86C-A7ED-9D4C-A216-B8AB57E818CD}"/>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5097541" y="4077097"/>
              <a:ext cx="869476" cy="641920"/>
            </a:xfrm>
            <a:prstGeom prst="rect">
              <a:avLst/>
            </a:prstGeom>
            <a:ln w="3175">
              <a:noFill/>
            </a:ln>
            <a:effectLst/>
          </p:spPr>
        </p:pic>
      </p:grpSp>
    </p:spTree>
    <p:custDataLst>
      <p:custData r:id="rId1"/>
      <p:custData r:id="rId2"/>
    </p:custDataLst>
    <p:extLst>
      <p:ext uri="{BB962C8B-B14F-4D97-AF65-F5344CB8AC3E}">
        <p14:creationId xmlns:p14="http://schemas.microsoft.com/office/powerpoint/2010/main" val="336205263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4" name="Picture Placeholder 33" descr="A picture containing indoor, floor, wall, room&#10;&#10;Description automatically generated">
            <a:extLst>
              <a:ext uri="{FF2B5EF4-FFF2-40B4-BE49-F238E27FC236}">
                <a16:creationId xmlns:a16="http://schemas.microsoft.com/office/drawing/2014/main" id="{9D6E2C82-A0A5-3745-B08D-EE56F2FA027D}"/>
              </a:ext>
            </a:extLst>
          </p:cNvPr>
          <p:cNvPicPr>
            <a:picLocks noGrp="1" noChangeAspect="1"/>
          </p:cNvPicPr>
          <p:nvPr>
            <p:ph type="pic" sz="quarter" idx="13"/>
          </p:nvPr>
        </p:nvPicPr>
        <p:blipFill rotWithShape="1">
          <a:blip r:embed="rId5" cstate="print">
            <a:extLst>
              <a:ext uri="{28A0092B-C50C-407E-A947-70E740481C1C}">
                <a14:useLocalDpi xmlns:a14="http://schemas.microsoft.com/office/drawing/2010/main" val="0"/>
              </a:ext>
            </a:extLst>
          </a:blip>
          <a:srcRect/>
          <a:stretch/>
        </p:blipFill>
        <p:spPr/>
      </p:pic>
      <p:sp>
        <p:nvSpPr>
          <p:cNvPr id="7" name="Title 6">
            <a:extLst>
              <a:ext uri="{FF2B5EF4-FFF2-40B4-BE49-F238E27FC236}">
                <a16:creationId xmlns:a16="http://schemas.microsoft.com/office/drawing/2014/main" id="{125EBBB6-3F81-3849-97F6-EE87063C3ADA}"/>
              </a:ext>
            </a:extLst>
          </p:cNvPr>
          <p:cNvSpPr>
            <a:spLocks noGrp="1"/>
          </p:cNvSpPr>
          <p:nvPr>
            <p:ph type="title"/>
          </p:nvPr>
        </p:nvSpPr>
        <p:spPr/>
        <p:txBody>
          <a:bodyPr/>
          <a:lstStyle/>
          <a:p>
            <a:r>
              <a:rPr lang="en-US"/>
              <a:t>Subscription services</a:t>
            </a:r>
          </a:p>
        </p:txBody>
      </p:sp>
      <p:sp>
        <p:nvSpPr>
          <p:cNvPr id="8" name="Content Placeholder 7">
            <a:extLst>
              <a:ext uri="{FF2B5EF4-FFF2-40B4-BE49-F238E27FC236}">
                <a16:creationId xmlns:a16="http://schemas.microsoft.com/office/drawing/2014/main" id="{E9F1345E-445F-E046-9B55-13804D08A830}"/>
              </a:ext>
            </a:extLst>
          </p:cNvPr>
          <p:cNvSpPr>
            <a:spLocks noGrp="1"/>
          </p:cNvSpPr>
          <p:nvPr>
            <p:ph sz="half" idx="1"/>
          </p:nvPr>
        </p:nvSpPr>
        <p:spPr/>
        <p:txBody>
          <a:bodyPr>
            <a:noAutofit/>
          </a:bodyPr>
          <a:lstStyle/>
          <a:p>
            <a:r>
              <a:rPr lang="en-US" b="1"/>
              <a:t>Tired of worrying about running out of the supplies you use most?</a:t>
            </a:r>
            <a:endParaRPr lang="en-US" sz="1200"/>
          </a:p>
          <a:p>
            <a:pPr>
              <a:spcBef>
                <a:spcPts val="200"/>
              </a:spcBef>
              <a:spcAft>
                <a:spcPts val="0"/>
              </a:spcAft>
            </a:pPr>
            <a:r>
              <a:rPr lang="en-US" sz="1600"/>
              <a:t>ODP Business Solutions</a:t>
            </a:r>
            <a:r>
              <a:rPr lang="en-US" sz="1600" baseline="30000"/>
              <a:t>™</a:t>
            </a:r>
            <a:r>
              <a:rPr lang="en-US" sz="1600"/>
              <a:t> Subscription Services are an easy way to help you manage your inventory on supplies you use frequently. Simple to set up with no fees or commitments, our subscription services can help you stay focused on what matters most: your business.</a:t>
            </a:r>
          </a:p>
        </p:txBody>
      </p:sp>
      <p:sp>
        <p:nvSpPr>
          <p:cNvPr id="6" name="Slide Number Placeholder 5">
            <a:extLst>
              <a:ext uri="{FF2B5EF4-FFF2-40B4-BE49-F238E27FC236}">
                <a16:creationId xmlns:a16="http://schemas.microsoft.com/office/drawing/2014/main" id="{EBDFC374-0509-D749-B3CC-C5BAC0B873C5}"/>
              </a:ext>
            </a:extLst>
          </p:cNvPr>
          <p:cNvSpPr>
            <a:spLocks noGrp="1"/>
          </p:cNvSpPr>
          <p:nvPr>
            <p:ph type="sldNum" sz="quarter" idx="4294967295"/>
          </p:nvPr>
        </p:nvSpPr>
        <p:spPr>
          <a:xfrm>
            <a:off x="11825288" y="6356350"/>
            <a:ext cx="366712" cy="365125"/>
          </a:xfrm>
        </p:spPr>
        <p:txBody>
          <a:bodyPr/>
          <a:lstStyle/>
          <a:p>
            <a:fld id="{DDE61A61-0F23-0048-8C0D-E7201A572481}" type="slidenum">
              <a:rPr lang="en-US" smtClean="0"/>
              <a:pPr/>
              <a:t>13</a:t>
            </a:fld>
            <a:endParaRPr lang="en-US"/>
          </a:p>
        </p:txBody>
      </p:sp>
      <p:sp>
        <p:nvSpPr>
          <p:cNvPr id="10" name="Content Placeholder 7">
            <a:extLst>
              <a:ext uri="{FF2B5EF4-FFF2-40B4-BE49-F238E27FC236}">
                <a16:creationId xmlns:a16="http://schemas.microsoft.com/office/drawing/2014/main" id="{6E353D77-DC63-134A-950E-87C37F224955}"/>
              </a:ext>
            </a:extLst>
          </p:cNvPr>
          <p:cNvSpPr txBox="1">
            <a:spLocks/>
          </p:cNvSpPr>
          <p:nvPr/>
        </p:nvSpPr>
        <p:spPr>
          <a:xfrm>
            <a:off x="477520" y="1427919"/>
            <a:ext cx="9006722" cy="897066"/>
          </a:xfrm>
          <a:prstGeom prst="rect">
            <a:avLst/>
          </a:prstGeom>
        </p:spPr>
        <p:txBody>
          <a:bodyPr vert="horz" lIns="91440" tIns="45720" rIns="91440" bIns="45720" rtlCol="0">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18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143000" indent="-22860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600200" indent="-228600" algn="l" defTabSz="914400" rtl="0" eaLnBrk="1" latinLnBrk="0" hangingPunct="1">
              <a:lnSpc>
                <a:spcPct val="90000"/>
              </a:lnSpc>
              <a:spcBef>
                <a:spcPts val="500"/>
              </a:spcBef>
              <a:buFont typeface="Arial" panose="020B0604020202020204" pitchFamily="34" charset="0"/>
              <a:buChar char="•"/>
              <a:defRPr sz="12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2057400" indent="-228600" algn="l" defTabSz="914400" rtl="0" eaLnBrk="1" latinLnBrk="0" hangingPunct="1">
              <a:lnSpc>
                <a:spcPct val="90000"/>
              </a:lnSpc>
              <a:spcBef>
                <a:spcPts val="500"/>
              </a:spcBef>
              <a:buFont typeface="Arial" panose="020B0604020202020204" pitchFamily="34" charset="0"/>
              <a:buChar char="•"/>
              <a:defRPr sz="12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ts val="500"/>
              </a:spcBef>
              <a:buFont typeface="Arial" panose="020B0604020202020204" pitchFamily="34" charset="0"/>
              <a:buNone/>
            </a:pPr>
            <a:endParaRPr lang="en-US">
              <a:solidFill>
                <a:schemeClr val="accent1"/>
              </a:solidFill>
            </a:endParaRPr>
          </a:p>
        </p:txBody>
      </p:sp>
      <p:sp>
        <p:nvSpPr>
          <p:cNvPr id="11" name="TextBox 10">
            <a:extLst>
              <a:ext uri="{FF2B5EF4-FFF2-40B4-BE49-F238E27FC236}">
                <a16:creationId xmlns:a16="http://schemas.microsoft.com/office/drawing/2014/main" id="{18C67470-8345-B740-941B-3A2AB631AC8B}"/>
              </a:ext>
            </a:extLst>
          </p:cNvPr>
          <p:cNvSpPr txBox="1"/>
          <p:nvPr/>
        </p:nvSpPr>
        <p:spPr>
          <a:xfrm>
            <a:off x="505133" y="5199248"/>
            <a:ext cx="4475748" cy="461665"/>
          </a:xfrm>
          <a:prstGeom prst="rect">
            <a:avLst/>
          </a:prstGeom>
          <a:noFill/>
        </p:spPr>
        <p:txBody>
          <a:bodyPr wrap="square" rtlCol="0">
            <a:spAutoFit/>
          </a:bodyPr>
          <a:lstStyle/>
          <a:p>
            <a:r>
              <a:rPr lang="en-US" sz="800">
                <a:solidFill>
                  <a:schemeClr val="accent1"/>
                </a:solidFill>
                <a:latin typeface="Open Sans" panose="020B0606030504020204" pitchFamily="34" charset="0"/>
                <a:ea typeface="Open Sans" panose="020B0606030504020204" pitchFamily="34" charset="0"/>
                <a:cs typeface="Open Sans" panose="020B0606030504020204" pitchFamily="34" charset="0"/>
              </a:rPr>
              <a:t>Valid credit card or account billing required. Recurring payments based upon your selected subscription frequency (weekly, monthly, quarterly, etc.) will be automatically billed to your method of payment until you cancel the subscription.</a:t>
            </a:r>
          </a:p>
        </p:txBody>
      </p:sp>
    </p:spTree>
    <p:custDataLst>
      <p:custData r:id="rId1"/>
      <p:custData r:id="rId2"/>
    </p:custDataLst>
    <p:extLst>
      <p:ext uri="{BB962C8B-B14F-4D97-AF65-F5344CB8AC3E}">
        <p14:creationId xmlns:p14="http://schemas.microsoft.com/office/powerpoint/2010/main" val="239803233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BCF14D-7921-F941-BAB3-F16798EEED28}"/>
              </a:ext>
            </a:extLst>
          </p:cNvPr>
          <p:cNvSpPr>
            <a:spLocks noGrp="1"/>
          </p:cNvSpPr>
          <p:nvPr>
            <p:ph type="title"/>
          </p:nvPr>
        </p:nvSpPr>
        <p:spPr>
          <a:xfrm>
            <a:off x="477520" y="304165"/>
            <a:ext cx="10131552" cy="1325563"/>
          </a:xfrm>
        </p:spPr>
        <p:txBody>
          <a:bodyPr/>
          <a:lstStyle/>
          <a:p>
            <a:r>
              <a:rPr lang="en-US"/>
              <a:t>Our solutions</a:t>
            </a:r>
          </a:p>
        </p:txBody>
      </p:sp>
      <p:sp>
        <p:nvSpPr>
          <p:cNvPr id="4" name="Content Placeholder 3">
            <a:extLst>
              <a:ext uri="{FF2B5EF4-FFF2-40B4-BE49-F238E27FC236}">
                <a16:creationId xmlns:a16="http://schemas.microsoft.com/office/drawing/2014/main" id="{8444EA37-B974-6144-A74B-C94C066D5142}"/>
              </a:ext>
            </a:extLst>
          </p:cNvPr>
          <p:cNvSpPr>
            <a:spLocks noGrp="1"/>
          </p:cNvSpPr>
          <p:nvPr>
            <p:ph idx="4294967295"/>
          </p:nvPr>
        </p:nvSpPr>
        <p:spPr>
          <a:xfrm>
            <a:off x="672928" y="4315995"/>
            <a:ext cx="1411288" cy="665163"/>
          </a:xfrm>
        </p:spPr>
        <p:txBody>
          <a:bodyPr>
            <a:normAutofit/>
          </a:bodyPr>
          <a:lstStyle/>
          <a:p>
            <a:pPr algn="ctr">
              <a:spcBef>
                <a:spcPts val="500"/>
              </a:spcBef>
            </a:pPr>
            <a:r>
              <a:rPr lang="en-US" sz="1000" b="1"/>
              <a:t>OFFICE SUPPLIES</a:t>
            </a:r>
          </a:p>
          <a:p>
            <a:pPr algn="ctr"/>
            <a:endParaRPr lang="en-US"/>
          </a:p>
        </p:txBody>
      </p:sp>
      <p:sp>
        <p:nvSpPr>
          <p:cNvPr id="6" name="Content Placeholder 3">
            <a:extLst>
              <a:ext uri="{FF2B5EF4-FFF2-40B4-BE49-F238E27FC236}">
                <a16:creationId xmlns:a16="http://schemas.microsoft.com/office/drawing/2014/main" id="{3432C35D-BCFE-DC4B-82C0-9120F1E222B0}"/>
              </a:ext>
            </a:extLst>
          </p:cNvPr>
          <p:cNvSpPr txBox="1">
            <a:spLocks/>
          </p:cNvSpPr>
          <p:nvPr/>
        </p:nvSpPr>
        <p:spPr>
          <a:xfrm>
            <a:off x="2320298" y="4315420"/>
            <a:ext cx="1471270" cy="332589"/>
          </a:xfrm>
          <a:prstGeom prst="rect">
            <a:avLst/>
          </a:prstGeom>
        </p:spPr>
        <p:txBody>
          <a:bodyPr vert="horz" lIns="91440" tIns="45720" rIns="91440" bIns="45720" rtlCol="0">
            <a:normAutofit/>
          </a:bodyPr>
          <a:lstStyle>
            <a:lvl1pPr marL="0" indent="0" algn="l" defTabSz="914400" rtl="0" eaLnBrk="1" latinLnBrk="0" hangingPunct="1">
              <a:lnSpc>
                <a:spcPct val="110000"/>
              </a:lnSpc>
              <a:spcBef>
                <a:spcPts val="1000"/>
              </a:spcBef>
              <a:spcAft>
                <a:spcPts val="0"/>
              </a:spcAft>
              <a:buFont typeface="Arial" panose="020B0604020202020204" pitchFamily="34" charset="0"/>
              <a:buNone/>
              <a:defRPr sz="1600" b="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vl2pPr marL="173038" indent="-173038" algn="l" defTabSz="914400" rtl="0" eaLnBrk="1" latinLnBrk="0" hangingPunct="1">
              <a:lnSpc>
                <a:spcPct val="110000"/>
              </a:lnSpc>
              <a:spcBef>
                <a:spcPts val="500"/>
              </a:spcBef>
              <a:spcAft>
                <a:spcPts val="0"/>
              </a:spcAft>
              <a:buClr>
                <a:schemeClr val="accent1"/>
              </a:buClr>
              <a:buFont typeface="Arial" panose="020B0604020202020204" pitchFamily="34" charset="0"/>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346075" indent="-173038" algn="l" defTabSz="914400" rtl="0" eaLnBrk="1" latinLnBrk="0" hangingPunct="1">
              <a:lnSpc>
                <a:spcPct val="110000"/>
              </a:lnSpc>
              <a:spcBef>
                <a:spcPts val="500"/>
              </a:spcBef>
              <a:spcAft>
                <a:spcPts val="0"/>
              </a:spcAft>
              <a:buSzPct val="98000"/>
              <a:buFont typeface="System Font Regular"/>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519113" indent="-173038" algn="l" defTabSz="914400" rtl="0" eaLnBrk="1" latinLnBrk="0" hangingPunct="1">
              <a:lnSpc>
                <a:spcPct val="110000"/>
              </a:lnSpc>
              <a:spcBef>
                <a:spcPts val="500"/>
              </a:spcBef>
              <a:spcAft>
                <a:spcPts val="0"/>
              </a:spcAft>
              <a:buFont typeface="System Font Regular"/>
              <a:buChar char="-"/>
              <a:tabLst/>
              <a:defRPr sz="14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692150" indent="-173038" algn="l" defTabSz="914400" rtl="0" eaLnBrk="1" latinLnBrk="0" hangingPunct="1">
              <a:lnSpc>
                <a:spcPct val="110000"/>
              </a:lnSpc>
              <a:spcBef>
                <a:spcPts val="500"/>
              </a:spcBef>
              <a:spcAft>
                <a:spcPts val="0"/>
              </a:spcAft>
              <a:buSzPct val="104000"/>
              <a:buFont typeface="System Font Regular"/>
              <a:buChar char="▫"/>
              <a:tabLst/>
              <a:defRPr sz="140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spcBef>
                <a:spcPts val="500"/>
              </a:spcBef>
            </a:pPr>
            <a:r>
              <a:rPr lang="en-US" sz="1000" b="1"/>
              <a:t>FURNITURE</a:t>
            </a:r>
          </a:p>
          <a:p>
            <a:pPr algn="ctr"/>
            <a:endParaRPr lang="en-US"/>
          </a:p>
        </p:txBody>
      </p:sp>
      <p:sp>
        <p:nvSpPr>
          <p:cNvPr id="7" name="Content Placeholder 3">
            <a:extLst>
              <a:ext uri="{FF2B5EF4-FFF2-40B4-BE49-F238E27FC236}">
                <a16:creationId xmlns:a16="http://schemas.microsoft.com/office/drawing/2014/main" id="{C7A89E95-10FF-814C-AB1D-5BB38DF39104}"/>
              </a:ext>
            </a:extLst>
          </p:cNvPr>
          <p:cNvSpPr txBox="1">
            <a:spLocks/>
          </p:cNvSpPr>
          <p:nvPr/>
        </p:nvSpPr>
        <p:spPr>
          <a:xfrm>
            <a:off x="3967672" y="4315420"/>
            <a:ext cx="1471266" cy="332589"/>
          </a:xfrm>
          <a:prstGeom prst="rect">
            <a:avLst/>
          </a:prstGeom>
        </p:spPr>
        <p:txBody>
          <a:bodyPr vert="horz" lIns="91440" tIns="45720" rIns="91440" bIns="45720" rtlCol="0">
            <a:normAutofit/>
          </a:bodyPr>
          <a:lstStyle>
            <a:lvl1pPr marL="0" indent="0" algn="l" defTabSz="914400" rtl="0" eaLnBrk="1" latinLnBrk="0" hangingPunct="1">
              <a:lnSpc>
                <a:spcPct val="110000"/>
              </a:lnSpc>
              <a:spcBef>
                <a:spcPts val="1000"/>
              </a:spcBef>
              <a:spcAft>
                <a:spcPts val="0"/>
              </a:spcAft>
              <a:buFont typeface="Arial" panose="020B0604020202020204" pitchFamily="34" charset="0"/>
              <a:buNone/>
              <a:defRPr sz="1600" b="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vl2pPr marL="173038" indent="-173038" algn="l" defTabSz="914400" rtl="0" eaLnBrk="1" latinLnBrk="0" hangingPunct="1">
              <a:lnSpc>
                <a:spcPct val="110000"/>
              </a:lnSpc>
              <a:spcBef>
                <a:spcPts val="500"/>
              </a:spcBef>
              <a:spcAft>
                <a:spcPts val="0"/>
              </a:spcAft>
              <a:buClr>
                <a:schemeClr val="accent1"/>
              </a:buClr>
              <a:buFont typeface="Arial" panose="020B0604020202020204" pitchFamily="34" charset="0"/>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346075" indent="-173038" algn="l" defTabSz="914400" rtl="0" eaLnBrk="1" latinLnBrk="0" hangingPunct="1">
              <a:lnSpc>
                <a:spcPct val="110000"/>
              </a:lnSpc>
              <a:spcBef>
                <a:spcPts val="500"/>
              </a:spcBef>
              <a:spcAft>
                <a:spcPts val="0"/>
              </a:spcAft>
              <a:buSzPct val="98000"/>
              <a:buFont typeface="System Font Regular"/>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519113" indent="-173038" algn="l" defTabSz="914400" rtl="0" eaLnBrk="1" latinLnBrk="0" hangingPunct="1">
              <a:lnSpc>
                <a:spcPct val="110000"/>
              </a:lnSpc>
              <a:spcBef>
                <a:spcPts val="500"/>
              </a:spcBef>
              <a:spcAft>
                <a:spcPts val="0"/>
              </a:spcAft>
              <a:buFont typeface="System Font Regular"/>
              <a:buChar char="-"/>
              <a:tabLst/>
              <a:defRPr sz="14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692150" indent="-173038" algn="l" defTabSz="914400" rtl="0" eaLnBrk="1" latinLnBrk="0" hangingPunct="1">
              <a:lnSpc>
                <a:spcPct val="110000"/>
              </a:lnSpc>
              <a:spcBef>
                <a:spcPts val="500"/>
              </a:spcBef>
              <a:spcAft>
                <a:spcPts val="0"/>
              </a:spcAft>
              <a:buSzPct val="104000"/>
              <a:buFont typeface="System Font Regular"/>
              <a:buChar char="▫"/>
              <a:tabLst/>
              <a:defRPr sz="140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spcBef>
                <a:spcPts val="500"/>
              </a:spcBef>
            </a:pPr>
            <a:r>
              <a:rPr lang="en-US" sz="1000" b="1"/>
              <a:t>TECHNOLOGY</a:t>
            </a:r>
          </a:p>
          <a:p>
            <a:pPr algn="ctr"/>
            <a:endParaRPr lang="en-US"/>
          </a:p>
        </p:txBody>
      </p:sp>
      <p:sp>
        <p:nvSpPr>
          <p:cNvPr id="8" name="Content Placeholder 3">
            <a:extLst>
              <a:ext uri="{FF2B5EF4-FFF2-40B4-BE49-F238E27FC236}">
                <a16:creationId xmlns:a16="http://schemas.microsoft.com/office/drawing/2014/main" id="{4460CD18-BF3D-DA4F-9F9D-125183840965}"/>
              </a:ext>
            </a:extLst>
          </p:cNvPr>
          <p:cNvSpPr txBox="1">
            <a:spLocks/>
          </p:cNvSpPr>
          <p:nvPr/>
        </p:nvSpPr>
        <p:spPr>
          <a:xfrm>
            <a:off x="5615042" y="4315420"/>
            <a:ext cx="1471266" cy="666418"/>
          </a:xfrm>
          <a:prstGeom prst="rect">
            <a:avLst/>
          </a:prstGeom>
        </p:spPr>
        <p:txBody>
          <a:bodyPr vert="horz" lIns="91440" tIns="45720" rIns="91440" bIns="45720" rtlCol="0">
            <a:normAutofit/>
          </a:bodyPr>
          <a:lstStyle>
            <a:lvl1pPr marL="0" indent="0" algn="l" defTabSz="914400" rtl="0" eaLnBrk="1" latinLnBrk="0" hangingPunct="1">
              <a:lnSpc>
                <a:spcPct val="110000"/>
              </a:lnSpc>
              <a:spcBef>
                <a:spcPts val="1000"/>
              </a:spcBef>
              <a:spcAft>
                <a:spcPts val="0"/>
              </a:spcAft>
              <a:buFont typeface="Arial" panose="020B0604020202020204" pitchFamily="34" charset="0"/>
              <a:buNone/>
              <a:defRPr sz="1600" b="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vl2pPr marL="173038" indent="-173038" algn="l" defTabSz="914400" rtl="0" eaLnBrk="1" latinLnBrk="0" hangingPunct="1">
              <a:lnSpc>
                <a:spcPct val="110000"/>
              </a:lnSpc>
              <a:spcBef>
                <a:spcPts val="500"/>
              </a:spcBef>
              <a:spcAft>
                <a:spcPts val="0"/>
              </a:spcAft>
              <a:buClr>
                <a:schemeClr val="accent1"/>
              </a:buClr>
              <a:buFont typeface="Arial" panose="020B0604020202020204" pitchFamily="34" charset="0"/>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346075" indent="-173038" algn="l" defTabSz="914400" rtl="0" eaLnBrk="1" latinLnBrk="0" hangingPunct="1">
              <a:lnSpc>
                <a:spcPct val="110000"/>
              </a:lnSpc>
              <a:spcBef>
                <a:spcPts val="500"/>
              </a:spcBef>
              <a:spcAft>
                <a:spcPts val="0"/>
              </a:spcAft>
              <a:buSzPct val="98000"/>
              <a:buFont typeface="System Font Regular"/>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519113" indent="-173038" algn="l" defTabSz="914400" rtl="0" eaLnBrk="1" latinLnBrk="0" hangingPunct="1">
              <a:lnSpc>
                <a:spcPct val="110000"/>
              </a:lnSpc>
              <a:spcBef>
                <a:spcPts val="500"/>
              </a:spcBef>
              <a:spcAft>
                <a:spcPts val="0"/>
              </a:spcAft>
              <a:buFont typeface="System Font Regular"/>
              <a:buChar char="-"/>
              <a:tabLst/>
              <a:defRPr sz="14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692150" indent="-173038" algn="l" defTabSz="914400" rtl="0" eaLnBrk="1" latinLnBrk="0" hangingPunct="1">
              <a:lnSpc>
                <a:spcPct val="110000"/>
              </a:lnSpc>
              <a:spcBef>
                <a:spcPts val="500"/>
              </a:spcBef>
              <a:spcAft>
                <a:spcPts val="0"/>
              </a:spcAft>
              <a:buSzPct val="104000"/>
              <a:buFont typeface="System Font Regular"/>
              <a:buChar char="▫"/>
              <a:tabLst/>
              <a:defRPr sz="140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spcBef>
                <a:spcPts val="500"/>
              </a:spcBef>
            </a:pPr>
            <a:r>
              <a:rPr lang="en-US" sz="1000" b="1"/>
              <a:t>CLEANING AND BREAKROOM</a:t>
            </a:r>
          </a:p>
          <a:p>
            <a:pPr algn="ctr"/>
            <a:endParaRPr lang="en-US"/>
          </a:p>
        </p:txBody>
      </p:sp>
      <p:sp>
        <p:nvSpPr>
          <p:cNvPr id="9" name="Content Placeholder 3">
            <a:extLst>
              <a:ext uri="{FF2B5EF4-FFF2-40B4-BE49-F238E27FC236}">
                <a16:creationId xmlns:a16="http://schemas.microsoft.com/office/drawing/2014/main" id="{171C4FC9-A8D9-1F49-A968-3565F187C10D}"/>
              </a:ext>
            </a:extLst>
          </p:cNvPr>
          <p:cNvSpPr txBox="1">
            <a:spLocks/>
          </p:cNvSpPr>
          <p:nvPr/>
        </p:nvSpPr>
        <p:spPr>
          <a:xfrm>
            <a:off x="7262412" y="4315420"/>
            <a:ext cx="1471269" cy="543046"/>
          </a:xfrm>
          <a:prstGeom prst="rect">
            <a:avLst/>
          </a:prstGeom>
        </p:spPr>
        <p:txBody>
          <a:bodyPr vert="horz" lIns="91440" tIns="45720" rIns="91440" bIns="45720" rtlCol="0">
            <a:normAutofit/>
          </a:bodyPr>
          <a:lstStyle>
            <a:lvl1pPr marL="0" indent="0" algn="l" defTabSz="914400" rtl="0" eaLnBrk="1" latinLnBrk="0" hangingPunct="1">
              <a:lnSpc>
                <a:spcPct val="110000"/>
              </a:lnSpc>
              <a:spcBef>
                <a:spcPts val="1000"/>
              </a:spcBef>
              <a:spcAft>
                <a:spcPts val="0"/>
              </a:spcAft>
              <a:buFont typeface="Arial" panose="020B0604020202020204" pitchFamily="34" charset="0"/>
              <a:buNone/>
              <a:defRPr sz="1600" b="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vl2pPr marL="173038" indent="-173038" algn="l" defTabSz="914400" rtl="0" eaLnBrk="1" latinLnBrk="0" hangingPunct="1">
              <a:lnSpc>
                <a:spcPct val="110000"/>
              </a:lnSpc>
              <a:spcBef>
                <a:spcPts val="500"/>
              </a:spcBef>
              <a:spcAft>
                <a:spcPts val="0"/>
              </a:spcAft>
              <a:buClr>
                <a:schemeClr val="accent1"/>
              </a:buClr>
              <a:buFont typeface="Arial" panose="020B0604020202020204" pitchFamily="34" charset="0"/>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346075" indent="-173038" algn="l" defTabSz="914400" rtl="0" eaLnBrk="1" latinLnBrk="0" hangingPunct="1">
              <a:lnSpc>
                <a:spcPct val="110000"/>
              </a:lnSpc>
              <a:spcBef>
                <a:spcPts val="500"/>
              </a:spcBef>
              <a:spcAft>
                <a:spcPts val="0"/>
              </a:spcAft>
              <a:buSzPct val="98000"/>
              <a:buFont typeface="System Font Regular"/>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519113" indent="-173038" algn="l" defTabSz="914400" rtl="0" eaLnBrk="1" latinLnBrk="0" hangingPunct="1">
              <a:lnSpc>
                <a:spcPct val="110000"/>
              </a:lnSpc>
              <a:spcBef>
                <a:spcPts val="500"/>
              </a:spcBef>
              <a:spcAft>
                <a:spcPts val="0"/>
              </a:spcAft>
              <a:buFont typeface="System Font Regular"/>
              <a:buChar char="-"/>
              <a:tabLst/>
              <a:defRPr sz="14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692150" indent="-173038" algn="l" defTabSz="914400" rtl="0" eaLnBrk="1" latinLnBrk="0" hangingPunct="1">
              <a:lnSpc>
                <a:spcPct val="110000"/>
              </a:lnSpc>
              <a:spcBef>
                <a:spcPts val="500"/>
              </a:spcBef>
              <a:spcAft>
                <a:spcPts val="0"/>
              </a:spcAft>
              <a:buSzPct val="104000"/>
              <a:buFont typeface="System Font Regular"/>
              <a:buChar char="▫"/>
              <a:tabLst/>
              <a:defRPr sz="140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spcBef>
                <a:spcPts val="500"/>
              </a:spcBef>
            </a:pPr>
            <a:r>
              <a:rPr lang="en-US" sz="1000" b="1"/>
              <a:t>MAILING AND SHIPPING</a:t>
            </a:r>
          </a:p>
        </p:txBody>
      </p:sp>
      <p:sp>
        <p:nvSpPr>
          <p:cNvPr id="10" name="Content Placeholder 3">
            <a:extLst>
              <a:ext uri="{FF2B5EF4-FFF2-40B4-BE49-F238E27FC236}">
                <a16:creationId xmlns:a16="http://schemas.microsoft.com/office/drawing/2014/main" id="{ECF84CC7-80C6-604F-B6E1-1DCCADF96DBB}"/>
              </a:ext>
            </a:extLst>
          </p:cNvPr>
          <p:cNvSpPr txBox="1">
            <a:spLocks/>
          </p:cNvSpPr>
          <p:nvPr/>
        </p:nvSpPr>
        <p:spPr>
          <a:xfrm>
            <a:off x="8909784" y="4315420"/>
            <a:ext cx="1471269" cy="543046"/>
          </a:xfrm>
          <a:prstGeom prst="rect">
            <a:avLst/>
          </a:prstGeom>
        </p:spPr>
        <p:txBody>
          <a:bodyPr vert="horz" lIns="91440" tIns="45720" rIns="91440" bIns="45720" rtlCol="0">
            <a:normAutofit/>
          </a:bodyPr>
          <a:lstStyle>
            <a:lvl1pPr marL="0" indent="0" algn="l" defTabSz="914400" rtl="0" eaLnBrk="1" latinLnBrk="0" hangingPunct="1">
              <a:lnSpc>
                <a:spcPct val="110000"/>
              </a:lnSpc>
              <a:spcBef>
                <a:spcPts val="1000"/>
              </a:spcBef>
              <a:spcAft>
                <a:spcPts val="0"/>
              </a:spcAft>
              <a:buFont typeface="Arial" panose="020B0604020202020204" pitchFamily="34" charset="0"/>
              <a:buNone/>
              <a:defRPr sz="1600" b="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vl2pPr marL="173038" indent="-173038" algn="l" defTabSz="914400" rtl="0" eaLnBrk="1" latinLnBrk="0" hangingPunct="1">
              <a:lnSpc>
                <a:spcPct val="110000"/>
              </a:lnSpc>
              <a:spcBef>
                <a:spcPts val="500"/>
              </a:spcBef>
              <a:spcAft>
                <a:spcPts val="0"/>
              </a:spcAft>
              <a:buClr>
                <a:schemeClr val="accent1"/>
              </a:buClr>
              <a:buFont typeface="Arial" panose="020B0604020202020204" pitchFamily="34" charset="0"/>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346075" indent="-173038" algn="l" defTabSz="914400" rtl="0" eaLnBrk="1" latinLnBrk="0" hangingPunct="1">
              <a:lnSpc>
                <a:spcPct val="110000"/>
              </a:lnSpc>
              <a:spcBef>
                <a:spcPts val="500"/>
              </a:spcBef>
              <a:spcAft>
                <a:spcPts val="0"/>
              </a:spcAft>
              <a:buSzPct val="98000"/>
              <a:buFont typeface="System Font Regular"/>
              <a:buChar char="−"/>
              <a:tabLst/>
              <a:defRPr sz="16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519113" indent="-173038" algn="l" defTabSz="914400" rtl="0" eaLnBrk="1" latinLnBrk="0" hangingPunct="1">
              <a:lnSpc>
                <a:spcPct val="110000"/>
              </a:lnSpc>
              <a:spcBef>
                <a:spcPts val="500"/>
              </a:spcBef>
              <a:spcAft>
                <a:spcPts val="0"/>
              </a:spcAft>
              <a:buFont typeface="System Font Regular"/>
              <a:buChar char="-"/>
              <a:tabLst/>
              <a:defRPr sz="14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692150" indent="-173038" algn="l" defTabSz="914400" rtl="0" eaLnBrk="1" latinLnBrk="0" hangingPunct="1">
              <a:lnSpc>
                <a:spcPct val="110000"/>
              </a:lnSpc>
              <a:spcBef>
                <a:spcPts val="500"/>
              </a:spcBef>
              <a:spcAft>
                <a:spcPts val="0"/>
              </a:spcAft>
              <a:buSzPct val="104000"/>
              <a:buFont typeface="System Font Regular"/>
              <a:buChar char="▫"/>
              <a:tabLst/>
              <a:defRPr sz="1400" kern="1200">
                <a:solidFill>
                  <a:schemeClr val="accent1"/>
                </a:solidFill>
                <a:latin typeface="Open Sans" panose="020B0606030504020204" pitchFamily="34" charset="0"/>
                <a:ea typeface="Open Sans" panose="020B0606030504020204" pitchFamily="34" charset="0"/>
                <a:cs typeface="Open Sans" panose="020B0606030504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spcBef>
                <a:spcPts val="500"/>
              </a:spcBef>
            </a:pPr>
            <a:r>
              <a:rPr lang="en-US" sz="1000" b="1"/>
              <a:t>INK AND TONER</a:t>
            </a:r>
          </a:p>
          <a:p>
            <a:pPr algn="ctr"/>
            <a:endParaRPr lang="en-US"/>
          </a:p>
        </p:txBody>
      </p:sp>
      <p:grpSp>
        <p:nvGrpSpPr>
          <p:cNvPr id="30" name="Group 29">
            <a:extLst>
              <a:ext uri="{FF2B5EF4-FFF2-40B4-BE49-F238E27FC236}">
                <a16:creationId xmlns:a16="http://schemas.microsoft.com/office/drawing/2014/main" id="{1AC5C902-803C-514F-8956-4BC99195CF46}"/>
              </a:ext>
            </a:extLst>
          </p:cNvPr>
          <p:cNvGrpSpPr/>
          <p:nvPr/>
        </p:nvGrpSpPr>
        <p:grpSpPr>
          <a:xfrm>
            <a:off x="672928" y="2683257"/>
            <a:ext cx="1471266" cy="1471266"/>
            <a:chOff x="1211943" y="2875762"/>
            <a:chExt cx="1471266" cy="1471266"/>
          </a:xfrm>
        </p:grpSpPr>
        <p:sp>
          <p:nvSpPr>
            <p:cNvPr id="5" name="Oval 4">
              <a:extLst>
                <a:ext uri="{FF2B5EF4-FFF2-40B4-BE49-F238E27FC236}">
                  <a16:creationId xmlns:a16="http://schemas.microsoft.com/office/drawing/2014/main" id="{C2247823-218E-9842-B1A8-17794D566E41}"/>
                </a:ext>
              </a:extLst>
            </p:cNvPr>
            <p:cNvSpPr/>
            <p:nvPr/>
          </p:nvSpPr>
          <p:spPr>
            <a:xfrm>
              <a:off x="1211943" y="2875762"/>
              <a:ext cx="1471266" cy="1471266"/>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7" name="Picture 16">
              <a:extLst>
                <a:ext uri="{FF2B5EF4-FFF2-40B4-BE49-F238E27FC236}">
                  <a16:creationId xmlns:a16="http://schemas.microsoft.com/office/drawing/2014/main" id="{54E29543-AE41-344E-9BE1-3042CEC7927E}"/>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1581190" y="3278185"/>
              <a:ext cx="732772" cy="666419"/>
            </a:xfrm>
            <a:prstGeom prst="rect">
              <a:avLst/>
            </a:prstGeom>
          </p:spPr>
        </p:pic>
      </p:grpSp>
      <p:grpSp>
        <p:nvGrpSpPr>
          <p:cNvPr id="29" name="Group 28">
            <a:extLst>
              <a:ext uri="{FF2B5EF4-FFF2-40B4-BE49-F238E27FC236}">
                <a16:creationId xmlns:a16="http://schemas.microsoft.com/office/drawing/2014/main" id="{639E7243-D0A3-EA4C-B0D9-2AC08A69FCBA}"/>
              </a:ext>
            </a:extLst>
          </p:cNvPr>
          <p:cNvGrpSpPr/>
          <p:nvPr/>
        </p:nvGrpSpPr>
        <p:grpSpPr>
          <a:xfrm>
            <a:off x="2320300" y="2683257"/>
            <a:ext cx="1471266" cy="1471266"/>
            <a:chOff x="2859315" y="2875762"/>
            <a:chExt cx="1471266" cy="1471266"/>
          </a:xfrm>
        </p:grpSpPr>
        <p:sp>
          <p:nvSpPr>
            <p:cNvPr id="11" name="Oval 10">
              <a:extLst>
                <a:ext uri="{FF2B5EF4-FFF2-40B4-BE49-F238E27FC236}">
                  <a16:creationId xmlns:a16="http://schemas.microsoft.com/office/drawing/2014/main" id="{21F1F957-E0DF-5940-8B22-944D0DA5BA0B}"/>
                </a:ext>
              </a:extLst>
            </p:cNvPr>
            <p:cNvSpPr/>
            <p:nvPr/>
          </p:nvSpPr>
          <p:spPr>
            <a:xfrm>
              <a:off x="2859315" y="2875762"/>
              <a:ext cx="1471266" cy="1471266"/>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9" name="Picture 18" descr="Icon&#10;&#10;Description automatically generated">
              <a:extLst>
                <a:ext uri="{FF2B5EF4-FFF2-40B4-BE49-F238E27FC236}">
                  <a16:creationId xmlns:a16="http://schemas.microsoft.com/office/drawing/2014/main" id="{793C3C7D-B83F-4D46-9C66-739E84FEE270}"/>
                </a:ext>
              </a:extLst>
            </p:cNvPr>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3217000" y="3215105"/>
              <a:ext cx="752658" cy="783171"/>
            </a:xfrm>
            <a:prstGeom prst="rect">
              <a:avLst/>
            </a:prstGeom>
          </p:spPr>
        </p:pic>
      </p:grpSp>
      <p:grpSp>
        <p:nvGrpSpPr>
          <p:cNvPr id="28" name="Group 27">
            <a:extLst>
              <a:ext uri="{FF2B5EF4-FFF2-40B4-BE49-F238E27FC236}">
                <a16:creationId xmlns:a16="http://schemas.microsoft.com/office/drawing/2014/main" id="{C452F934-32AD-E146-B628-1A0D2CABE131}"/>
              </a:ext>
            </a:extLst>
          </p:cNvPr>
          <p:cNvGrpSpPr/>
          <p:nvPr/>
        </p:nvGrpSpPr>
        <p:grpSpPr>
          <a:xfrm>
            <a:off x="3967672" y="2683257"/>
            <a:ext cx="1471266" cy="1471266"/>
            <a:chOff x="4506687" y="2875762"/>
            <a:chExt cx="1471266" cy="1471266"/>
          </a:xfrm>
        </p:grpSpPr>
        <p:sp>
          <p:nvSpPr>
            <p:cNvPr id="12" name="Oval 11">
              <a:extLst>
                <a:ext uri="{FF2B5EF4-FFF2-40B4-BE49-F238E27FC236}">
                  <a16:creationId xmlns:a16="http://schemas.microsoft.com/office/drawing/2014/main" id="{B0295305-3CAA-EA4D-818D-EB6EB6785F56}"/>
                </a:ext>
              </a:extLst>
            </p:cNvPr>
            <p:cNvSpPr/>
            <p:nvPr/>
          </p:nvSpPr>
          <p:spPr>
            <a:xfrm>
              <a:off x="4506687" y="2875762"/>
              <a:ext cx="1471266" cy="1471266"/>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21" name="Picture 20" descr="A picture containing text, electronics, display, screenshot&#10;&#10;Description automatically generated">
              <a:extLst>
                <a:ext uri="{FF2B5EF4-FFF2-40B4-BE49-F238E27FC236}">
                  <a16:creationId xmlns:a16="http://schemas.microsoft.com/office/drawing/2014/main" id="{FF4A55BD-C027-964B-BC04-290DD7B85785}"/>
                </a:ext>
              </a:extLst>
            </p:cNvPr>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4845364" y="3270928"/>
              <a:ext cx="779236" cy="714556"/>
            </a:xfrm>
            <a:prstGeom prst="rect">
              <a:avLst/>
            </a:prstGeom>
          </p:spPr>
        </p:pic>
      </p:grpSp>
      <p:grpSp>
        <p:nvGrpSpPr>
          <p:cNvPr id="27" name="Group 26">
            <a:extLst>
              <a:ext uri="{FF2B5EF4-FFF2-40B4-BE49-F238E27FC236}">
                <a16:creationId xmlns:a16="http://schemas.microsoft.com/office/drawing/2014/main" id="{DC214CA8-324C-4B4C-B6E6-57C1E491912C}"/>
              </a:ext>
            </a:extLst>
          </p:cNvPr>
          <p:cNvGrpSpPr/>
          <p:nvPr/>
        </p:nvGrpSpPr>
        <p:grpSpPr>
          <a:xfrm>
            <a:off x="7262416" y="2683257"/>
            <a:ext cx="1471266" cy="1471266"/>
            <a:chOff x="7801431" y="2875762"/>
            <a:chExt cx="1471266" cy="1471266"/>
          </a:xfrm>
        </p:grpSpPr>
        <p:sp>
          <p:nvSpPr>
            <p:cNvPr id="14" name="Oval 13">
              <a:extLst>
                <a:ext uri="{FF2B5EF4-FFF2-40B4-BE49-F238E27FC236}">
                  <a16:creationId xmlns:a16="http://schemas.microsoft.com/office/drawing/2014/main" id="{D27FF1B7-63B2-E546-B28A-452FCC766F67}"/>
                </a:ext>
              </a:extLst>
            </p:cNvPr>
            <p:cNvSpPr/>
            <p:nvPr/>
          </p:nvSpPr>
          <p:spPr>
            <a:xfrm>
              <a:off x="7801431" y="2875762"/>
              <a:ext cx="1471266" cy="1471266"/>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23" name="Picture 22" descr="Icon&#10;&#10;Description automatically generated">
              <a:extLst>
                <a:ext uri="{FF2B5EF4-FFF2-40B4-BE49-F238E27FC236}">
                  <a16:creationId xmlns:a16="http://schemas.microsoft.com/office/drawing/2014/main" id="{F0EC00F1-81E8-C249-BF34-EFB621BBA66C}"/>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7982858" y="3256022"/>
              <a:ext cx="930693" cy="729462"/>
            </a:xfrm>
            <a:prstGeom prst="rect">
              <a:avLst/>
            </a:prstGeom>
          </p:spPr>
        </p:pic>
      </p:grpSp>
      <p:grpSp>
        <p:nvGrpSpPr>
          <p:cNvPr id="26" name="Group 25">
            <a:extLst>
              <a:ext uri="{FF2B5EF4-FFF2-40B4-BE49-F238E27FC236}">
                <a16:creationId xmlns:a16="http://schemas.microsoft.com/office/drawing/2014/main" id="{173F556E-650A-2F4D-9377-8694AF548F33}"/>
              </a:ext>
            </a:extLst>
          </p:cNvPr>
          <p:cNvGrpSpPr/>
          <p:nvPr/>
        </p:nvGrpSpPr>
        <p:grpSpPr>
          <a:xfrm>
            <a:off x="8909787" y="2683257"/>
            <a:ext cx="1471266" cy="1471266"/>
            <a:chOff x="9448802" y="2875762"/>
            <a:chExt cx="1471266" cy="1471266"/>
          </a:xfrm>
        </p:grpSpPr>
        <p:sp>
          <p:nvSpPr>
            <p:cNvPr id="15" name="Oval 14">
              <a:extLst>
                <a:ext uri="{FF2B5EF4-FFF2-40B4-BE49-F238E27FC236}">
                  <a16:creationId xmlns:a16="http://schemas.microsoft.com/office/drawing/2014/main" id="{AC06E3AC-FB91-934B-938E-76C593BF99C2}"/>
                </a:ext>
              </a:extLst>
            </p:cNvPr>
            <p:cNvSpPr/>
            <p:nvPr/>
          </p:nvSpPr>
          <p:spPr>
            <a:xfrm>
              <a:off x="9448802" y="2875762"/>
              <a:ext cx="1471266" cy="1471266"/>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25" name="Picture 24" descr="Icon&#10;&#10;Description automatically generated">
              <a:extLst>
                <a:ext uri="{FF2B5EF4-FFF2-40B4-BE49-F238E27FC236}">
                  <a16:creationId xmlns:a16="http://schemas.microsoft.com/office/drawing/2014/main" id="{11058341-C4EB-F44C-8F94-CE379C501726}"/>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9864909" y="3249157"/>
              <a:ext cx="675596" cy="712834"/>
            </a:xfrm>
            <a:prstGeom prst="rect">
              <a:avLst/>
            </a:prstGeom>
          </p:spPr>
        </p:pic>
      </p:grpSp>
      <p:grpSp>
        <p:nvGrpSpPr>
          <p:cNvPr id="35" name="Group 34">
            <a:extLst>
              <a:ext uri="{FF2B5EF4-FFF2-40B4-BE49-F238E27FC236}">
                <a16:creationId xmlns:a16="http://schemas.microsoft.com/office/drawing/2014/main" id="{98B4C248-1532-AB49-A793-D9530C91E296}"/>
              </a:ext>
            </a:extLst>
          </p:cNvPr>
          <p:cNvGrpSpPr/>
          <p:nvPr/>
        </p:nvGrpSpPr>
        <p:grpSpPr>
          <a:xfrm>
            <a:off x="5615044" y="2683257"/>
            <a:ext cx="1471266" cy="1471266"/>
            <a:chOff x="6154059" y="2875762"/>
            <a:chExt cx="1471266" cy="1471266"/>
          </a:xfrm>
        </p:grpSpPr>
        <p:sp>
          <p:nvSpPr>
            <p:cNvPr id="13" name="Oval 12">
              <a:extLst>
                <a:ext uri="{FF2B5EF4-FFF2-40B4-BE49-F238E27FC236}">
                  <a16:creationId xmlns:a16="http://schemas.microsoft.com/office/drawing/2014/main" id="{F63D1F9B-2FC0-2D4F-9527-D9E22B0F5704}"/>
                </a:ext>
              </a:extLst>
            </p:cNvPr>
            <p:cNvSpPr/>
            <p:nvPr/>
          </p:nvSpPr>
          <p:spPr>
            <a:xfrm>
              <a:off x="6154059" y="2875762"/>
              <a:ext cx="1471266" cy="1471266"/>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34" name="Picture 33" descr="A picture containing mug&#10;&#10;Description automatically generated">
              <a:extLst>
                <a:ext uri="{FF2B5EF4-FFF2-40B4-BE49-F238E27FC236}">
                  <a16:creationId xmlns:a16="http://schemas.microsoft.com/office/drawing/2014/main" id="{7D3F4DEA-C94F-4346-8154-88A3E15F64F4}"/>
                </a:ext>
              </a:extLst>
            </p:cNvPr>
            <p:cNvPicPr>
              <a:picLocks noChangeAspect="1"/>
            </p:cNvPicPr>
            <p:nvPr/>
          </p:nvPicPr>
          <p:blipFill>
            <a:blip r:embed="rId10" cstate="print">
              <a:extLst>
                <a:ext uri="{28A0092B-C50C-407E-A947-70E740481C1C}">
                  <a14:useLocalDpi xmlns:a14="http://schemas.microsoft.com/office/drawing/2010/main" val="0"/>
                </a:ext>
              </a:extLst>
            </a:blip>
            <a:stretch>
              <a:fillRect/>
            </a:stretch>
          </p:blipFill>
          <p:spPr>
            <a:xfrm>
              <a:off x="6557427" y="3299098"/>
              <a:ext cx="797767" cy="662893"/>
            </a:xfrm>
            <a:prstGeom prst="rect">
              <a:avLst/>
            </a:prstGeom>
          </p:spPr>
        </p:pic>
      </p:grpSp>
      <p:sp>
        <p:nvSpPr>
          <p:cNvPr id="33" name="TextBox 32">
            <a:hlinkClick r:id="rId11" action="ppaction://hlinksldjump"/>
            <a:extLst>
              <a:ext uri="{FF2B5EF4-FFF2-40B4-BE49-F238E27FC236}">
                <a16:creationId xmlns:a16="http://schemas.microsoft.com/office/drawing/2014/main" id="{D94C4DC3-ADA6-A244-9881-B879AF0ECD8D}"/>
              </a:ext>
            </a:extLst>
          </p:cNvPr>
          <p:cNvSpPr txBox="1"/>
          <p:nvPr/>
        </p:nvSpPr>
        <p:spPr>
          <a:xfrm>
            <a:off x="2545773" y="6211695"/>
            <a:ext cx="945572" cy="144655"/>
          </a:xfrm>
          <a:prstGeom prst="rect">
            <a:avLst/>
          </a:prstGeom>
          <a:solidFill>
            <a:schemeClr val="accent1"/>
          </a:solidFill>
        </p:spPr>
        <p:txBody>
          <a:bodyPr wrap="square" tIns="18288" bIns="18288" rtlCol="0">
            <a:spAutoFit/>
          </a:bodyPr>
          <a:lstStyle/>
          <a:p>
            <a:pPr algn="ctr"/>
            <a:r>
              <a:rPr lang="en-US" sz="700">
                <a:solidFill>
                  <a:schemeClr val="accent2"/>
                </a:solidFill>
              </a:rPr>
              <a:t>BACK TO APPENDIX</a:t>
            </a:r>
          </a:p>
        </p:txBody>
      </p:sp>
      <p:sp>
        <p:nvSpPr>
          <p:cNvPr id="36" name="TextBox 35">
            <a:hlinkClick r:id="" action="ppaction://noaction"/>
            <a:extLst>
              <a:ext uri="{FF2B5EF4-FFF2-40B4-BE49-F238E27FC236}">
                <a16:creationId xmlns:a16="http://schemas.microsoft.com/office/drawing/2014/main" id="{8C3C7A18-D166-EC42-A50A-22FA3A5E7CF0}"/>
              </a:ext>
            </a:extLst>
          </p:cNvPr>
          <p:cNvSpPr txBox="1"/>
          <p:nvPr/>
        </p:nvSpPr>
        <p:spPr>
          <a:xfrm>
            <a:off x="3607581" y="6211695"/>
            <a:ext cx="937984" cy="144655"/>
          </a:xfrm>
          <a:prstGeom prst="rect">
            <a:avLst/>
          </a:prstGeom>
          <a:solidFill>
            <a:schemeClr val="accent1"/>
          </a:solidFill>
        </p:spPr>
        <p:txBody>
          <a:bodyPr wrap="square" tIns="18288" bIns="18288" rtlCol="0">
            <a:spAutoFit/>
          </a:bodyPr>
          <a:lstStyle/>
          <a:p>
            <a:pPr algn="ctr"/>
            <a:r>
              <a:rPr lang="en-US" sz="700">
                <a:solidFill>
                  <a:schemeClr val="accent2"/>
                </a:solidFill>
              </a:rPr>
              <a:t>BACK TO SOLUTIONS</a:t>
            </a:r>
          </a:p>
        </p:txBody>
      </p:sp>
    </p:spTree>
    <p:custDataLst>
      <p:custData r:id="rId1"/>
      <p:custData r:id="rId2"/>
    </p:custDataLst>
    <p:extLst>
      <p:ext uri="{BB962C8B-B14F-4D97-AF65-F5344CB8AC3E}">
        <p14:creationId xmlns:p14="http://schemas.microsoft.com/office/powerpoint/2010/main" val="1572272860"/>
      </p:ext>
    </p:extLst>
  </p:cSld>
  <p:clrMapOvr>
    <a:masterClrMapping/>
  </p:clrMapOvr>
  <mc:AlternateContent xmlns:mc="http://schemas.openxmlformats.org/markup-compatibility/2006" xmlns:p15="http://schemas.microsoft.com/office/powerpoint/2012/main">
    <mc:Choice Requires="p15">
      <p:transition xmlns:p14="http://schemas.microsoft.com/office/powerpoint/2010/main" spd="slow" p14:dur="1250">
        <p15:prstTrans prst="pageCurlDouble"/>
      </p:transition>
    </mc:Choice>
    <mc:Fallback xmlns="" xmlns:a16="http://schemas.microsoft.com/office/drawing/2014/main" xmlns:a14="http://schemas.microsoft.com/office/drawing/2010/main" xmlns:p14="http://schemas.microsoft.com/office/powerpoint/2010/main">
      <p:transition spd="slow">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4">
            <a:extLst>
              <a:ext uri="{FF2B5EF4-FFF2-40B4-BE49-F238E27FC236}">
                <a16:creationId xmlns:a16="http://schemas.microsoft.com/office/drawing/2014/main" id="{A774D785-3581-7B43-A551-89DF6A217677}"/>
              </a:ext>
            </a:extLst>
          </p:cNvPr>
          <p:cNvSpPr txBox="1">
            <a:spLocks noGrp="1"/>
          </p:cNvSpPr>
          <p:nvPr>
            <p:ph type="title"/>
          </p:nvPr>
        </p:nvSpPr>
        <p:spPr/>
        <p:txBody>
          <a:bodyPr/>
          <a:lstStyle/>
          <a:p>
            <a:pPr lvl="0"/>
            <a:r>
              <a:rPr lang="en-US"/>
              <a:t>Furniture and </a:t>
            </a:r>
            <a:br>
              <a:rPr lang="en-US"/>
            </a:br>
            <a:r>
              <a:rPr lang="en-US"/>
              <a:t>space planning</a:t>
            </a:r>
          </a:p>
        </p:txBody>
      </p:sp>
      <p:sp>
        <p:nvSpPr>
          <p:cNvPr id="4" name="Content Placeholder 5">
            <a:extLst>
              <a:ext uri="{FF2B5EF4-FFF2-40B4-BE49-F238E27FC236}">
                <a16:creationId xmlns:a16="http://schemas.microsoft.com/office/drawing/2014/main" id="{194A138B-0605-CC49-9BC3-395B82D12205}"/>
              </a:ext>
            </a:extLst>
          </p:cNvPr>
          <p:cNvSpPr txBox="1">
            <a:spLocks noGrp="1"/>
          </p:cNvSpPr>
          <p:nvPr>
            <p:ph idx="4294967295"/>
          </p:nvPr>
        </p:nvSpPr>
        <p:spPr>
          <a:xfrm>
            <a:off x="467359" y="1736893"/>
            <a:ext cx="5273042" cy="4004971"/>
          </a:xfrm>
        </p:spPr>
        <p:txBody>
          <a:bodyPr>
            <a:noAutofit/>
          </a:bodyPr>
          <a:lstStyle/>
          <a:p>
            <a:pPr marL="9528" lvl="0">
              <a:spcBef>
                <a:spcPts val="0"/>
              </a:spcBef>
              <a:spcAft>
                <a:spcPts val="200"/>
              </a:spcAft>
            </a:pPr>
            <a:r>
              <a:rPr lang="en-US" sz="1800" b="1" dirty="0"/>
              <a:t>Want to help furnish every corner of your organization for success?</a:t>
            </a:r>
            <a:endParaRPr lang="en-US" sz="1800" dirty="0"/>
          </a:p>
          <a:p>
            <a:pPr marL="9528" lvl="0">
              <a:spcBef>
                <a:spcPts val="200"/>
              </a:spcBef>
            </a:pPr>
            <a:r>
              <a:rPr lang="en-US" sz="1600" dirty="0"/>
              <a:t>ODP Business Solutions</a:t>
            </a:r>
            <a:r>
              <a:rPr lang="en-US" sz="1600" baseline="30000" dirty="0"/>
              <a:t>™</a:t>
            </a:r>
            <a:r>
              <a:rPr lang="en-US" sz="1600" dirty="0"/>
              <a:t> Workspace Interiors offers space planning and design services, certified installation, repair, and restoration — plus easy online ordering for select in-stock furniture items.</a:t>
            </a:r>
          </a:p>
          <a:p>
            <a:pPr marL="9528" lvl="0">
              <a:spcBef>
                <a:spcPts val="500"/>
              </a:spcBef>
              <a:spcAft>
                <a:spcPts val="200"/>
              </a:spcAft>
            </a:pPr>
            <a:endParaRPr lang="en-US" sz="1200" dirty="0"/>
          </a:p>
        </p:txBody>
      </p:sp>
      <p:pic>
        <p:nvPicPr>
          <p:cNvPr id="11" name="Picture Placeholder 42" descr="A picture containing floor, indoor, living, wall&#10;&#10;Description automatically generated">
            <a:extLst>
              <a:ext uri="{FF2B5EF4-FFF2-40B4-BE49-F238E27FC236}">
                <a16:creationId xmlns:a16="http://schemas.microsoft.com/office/drawing/2014/main" id="{BD9674C7-3196-2381-D6F0-A15F7B1FE07A}"/>
              </a:ext>
            </a:extLst>
          </p:cNvPr>
          <p:cNvPicPr>
            <a:picLocks noGrp="1" noChangeAspect="1"/>
          </p:cNvPicPr>
          <p:nvPr>
            <p:ph type="pic" idx="4294967295"/>
          </p:nvPr>
        </p:nvPicPr>
        <p:blipFill>
          <a:blip r:embed="rId5">
            <a:extLst>
              <a:ext uri="{28A0092B-C50C-407E-A947-70E740481C1C}">
                <a14:useLocalDpi xmlns:a14="http://schemas.microsoft.com/office/drawing/2010/main" val="0"/>
              </a:ext>
            </a:extLst>
          </a:blip>
          <a:srcRect/>
          <a:stretch>
            <a:fillRect/>
          </a:stretch>
        </p:blipFill>
        <p:spPr>
          <a:xfrm>
            <a:off x="6111875" y="0"/>
            <a:ext cx="6080125" cy="6858000"/>
          </a:xfrm>
          <a:solidFill>
            <a:srgbClr val="F2F2F2"/>
          </a:solidFill>
        </p:spPr>
      </p:pic>
      <p:sp>
        <p:nvSpPr>
          <p:cNvPr id="5" name="Oval 1">
            <a:extLst>
              <a:ext uri="{FF2B5EF4-FFF2-40B4-BE49-F238E27FC236}">
                <a16:creationId xmlns:a16="http://schemas.microsoft.com/office/drawing/2014/main" id="{459033EE-33D2-E447-820E-55B8633A289A}"/>
              </a:ext>
            </a:extLst>
          </p:cNvPr>
          <p:cNvSpPr/>
          <p:nvPr/>
        </p:nvSpPr>
        <p:spPr>
          <a:xfrm>
            <a:off x="2194560" y="3975395"/>
            <a:ext cx="1580165" cy="1583164"/>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 2700000 f2 0"/>
              <a:gd name="f15" fmla="*/ f9 f1 1"/>
              <a:gd name="f16" fmla="*/ f10 f1 1"/>
              <a:gd name="f17" fmla="?: f11 f4 1"/>
              <a:gd name="f18" fmla="?: f12 f5 1"/>
              <a:gd name="f19" fmla="?: f13 f6 1"/>
              <a:gd name="f20" fmla="+- f14 0 f2"/>
              <a:gd name="f21" fmla="*/ f15 1 f3"/>
              <a:gd name="f22" fmla="*/ f16 1 f3"/>
              <a:gd name="f23" fmla="*/ f17 1 21600"/>
              <a:gd name="f24" fmla="*/ f18 1 21600"/>
              <a:gd name="f25" fmla="*/ 21600 f17 1"/>
              <a:gd name="f26" fmla="*/ 21600 f18 1"/>
              <a:gd name="f27" fmla="+- f20 f2 0"/>
              <a:gd name="f28" fmla="+- f21 0 f2"/>
              <a:gd name="f29" fmla="+- f22 0 f2"/>
              <a:gd name="f30" fmla="min f24 f23"/>
              <a:gd name="f31" fmla="*/ f25 1 f19"/>
              <a:gd name="f32" fmla="*/ f26 1 f19"/>
              <a:gd name="f33" fmla="*/ f27 f8 1"/>
              <a:gd name="f34" fmla="val f31"/>
              <a:gd name="f35" fmla="val f32"/>
              <a:gd name="f36" fmla="*/ f33 1 f1"/>
              <a:gd name="f37" fmla="*/ f7 f30 1"/>
              <a:gd name="f38" fmla="+- f35 0 f7"/>
              <a:gd name="f39" fmla="+- f34 0 f7"/>
              <a:gd name="f40" fmla="+- 0 0 f36"/>
              <a:gd name="f41" fmla="*/ f38 1 2"/>
              <a:gd name="f42" fmla="*/ f39 1 2"/>
              <a:gd name="f43" fmla="+- 0 0 f40"/>
              <a:gd name="f44" fmla="+- f7 f41 0"/>
              <a:gd name="f45" fmla="+- f7 f42 0"/>
              <a:gd name="f46" fmla="*/ f43 f1 1"/>
              <a:gd name="f47" fmla="*/ f42 f30 1"/>
              <a:gd name="f48" fmla="*/ f41 f30 1"/>
              <a:gd name="f49" fmla="*/ f46 1 f8"/>
              <a:gd name="f50" fmla="*/ f44 f30 1"/>
              <a:gd name="f51" fmla="+- f49 0 f2"/>
              <a:gd name="f52" fmla="cos 1 f51"/>
              <a:gd name="f53" fmla="sin 1 f51"/>
              <a:gd name="f54" fmla="+- 0 0 f52"/>
              <a:gd name="f55" fmla="+- 0 0 f53"/>
              <a:gd name="f56" fmla="+- 0 0 f54"/>
              <a:gd name="f57" fmla="+- 0 0 f55"/>
              <a:gd name="f58" fmla="val f56"/>
              <a:gd name="f59" fmla="val f57"/>
              <a:gd name="f60" fmla="*/ f58 f42 1"/>
              <a:gd name="f61" fmla="*/ f59 f41 1"/>
              <a:gd name="f62" fmla="+- f45 0 f60"/>
              <a:gd name="f63" fmla="+- f45 f60 0"/>
              <a:gd name="f64" fmla="+- f44 0 f61"/>
              <a:gd name="f65" fmla="+- f44 f61 0"/>
              <a:gd name="f66" fmla="*/ f62 f30 1"/>
              <a:gd name="f67" fmla="*/ f64 f30 1"/>
              <a:gd name="f68" fmla="*/ f63 f30 1"/>
              <a:gd name="f69" fmla="*/ f65 f30 1"/>
            </a:gdLst>
            <a:ahLst/>
            <a:cxnLst>
              <a:cxn ang="3cd4">
                <a:pos x="hc" y="t"/>
              </a:cxn>
              <a:cxn ang="0">
                <a:pos x="r" y="vc"/>
              </a:cxn>
              <a:cxn ang="cd4">
                <a:pos x="hc" y="b"/>
              </a:cxn>
              <a:cxn ang="cd2">
                <a:pos x="l" y="vc"/>
              </a:cxn>
              <a:cxn ang="f28">
                <a:pos x="f66" y="f67"/>
              </a:cxn>
              <a:cxn ang="f29">
                <a:pos x="f66" y="f69"/>
              </a:cxn>
              <a:cxn ang="f29">
                <a:pos x="f68" y="f69"/>
              </a:cxn>
              <a:cxn ang="f28">
                <a:pos x="f68" y="f67"/>
              </a:cxn>
            </a:cxnLst>
            <a:rect l="f66" t="f67" r="f68" b="f69"/>
            <a:pathLst>
              <a:path>
                <a:moveTo>
                  <a:pt x="f37" y="f50"/>
                </a:moveTo>
                <a:arcTo wR="f47" hR="f48" stAng="f1" swAng="f0"/>
                <a:close/>
              </a:path>
            </a:pathLst>
          </a:custGeom>
          <a:blipFill>
            <a:blip r:embed="rId6">
              <a:extLst>
                <a:ext uri="{28A0092B-C50C-407E-A947-70E740481C1C}">
                  <a14:useLocalDpi xmlns:a14="http://schemas.microsoft.com/office/drawing/2010/main" val="0"/>
                </a:ext>
              </a:extLst>
            </a:blip>
            <a:stretch>
              <a:fillRect l="-10761" r="-10761"/>
            </a:stretch>
          </a:blipFill>
          <a:ln cap="flat">
            <a:noFill/>
            <a:prstDash val="solid"/>
          </a:ln>
        </p:spPr>
        <p:txBody>
          <a:bodyPr vert="horz" wrap="square" lIns="91440" tIns="45720" rIns="91440" bIns="45720"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800" b="0" i="0" u="none" strike="noStrike" kern="1200" cap="none" spc="0" normalizeH="0" baseline="0" noProof="0">
              <a:ln>
                <a:noFill/>
              </a:ln>
              <a:solidFill>
                <a:srgbClr val="FFFFFF"/>
              </a:solidFill>
              <a:effectLst/>
              <a:uLnTx/>
              <a:uFillTx/>
              <a:latin typeface="Calibri"/>
              <a:ea typeface="+mn-ea"/>
              <a:cs typeface="+mn-cs"/>
            </a:endParaRPr>
          </a:p>
        </p:txBody>
      </p:sp>
      <p:sp>
        <p:nvSpPr>
          <p:cNvPr id="6" name="Oval 8">
            <a:extLst>
              <a:ext uri="{FF2B5EF4-FFF2-40B4-BE49-F238E27FC236}">
                <a16:creationId xmlns:a16="http://schemas.microsoft.com/office/drawing/2014/main" id="{142E153C-66FB-F948-8DA0-6B2FB1F73C51}"/>
              </a:ext>
            </a:extLst>
          </p:cNvPr>
          <p:cNvSpPr/>
          <p:nvPr/>
        </p:nvSpPr>
        <p:spPr>
          <a:xfrm>
            <a:off x="4089114" y="3975395"/>
            <a:ext cx="1580165" cy="1583164"/>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 2700000 f2 0"/>
              <a:gd name="f15" fmla="*/ f9 f1 1"/>
              <a:gd name="f16" fmla="*/ f10 f1 1"/>
              <a:gd name="f17" fmla="?: f11 f4 1"/>
              <a:gd name="f18" fmla="?: f12 f5 1"/>
              <a:gd name="f19" fmla="?: f13 f6 1"/>
              <a:gd name="f20" fmla="+- f14 0 f2"/>
              <a:gd name="f21" fmla="*/ f15 1 f3"/>
              <a:gd name="f22" fmla="*/ f16 1 f3"/>
              <a:gd name="f23" fmla="*/ f17 1 21600"/>
              <a:gd name="f24" fmla="*/ f18 1 21600"/>
              <a:gd name="f25" fmla="*/ 21600 f17 1"/>
              <a:gd name="f26" fmla="*/ 21600 f18 1"/>
              <a:gd name="f27" fmla="+- f20 f2 0"/>
              <a:gd name="f28" fmla="+- f21 0 f2"/>
              <a:gd name="f29" fmla="+- f22 0 f2"/>
              <a:gd name="f30" fmla="min f24 f23"/>
              <a:gd name="f31" fmla="*/ f25 1 f19"/>
              <a:gd name="f32" fmla="*/ f26 1 f19"/>
              <a:gd name="f33" fmla="*/ f27 f8 1"/>
              <a:gd name="f34" fmla="val f31"/>
              <a:gd name="f35" fmla="val f32"/>
              <a:gd name="f36" fmla="*/ f33 1 f1"/>
              <a:gd name="f37" fmla="*/ f7 f30 1"/>
              <a:gd name="f38" fmla="+- f35 0 f7"/>
              <a:gd name="f39" fmla="+- f34 0 f7"/>
              <a:gd name="f40" fmla="+- 0 0 f36"/>
              <a:gd name="f41" fmla="*/ f38 1 2"/>
              <a:gd name="f42" fmla="*/ f39 1 2"/>
              <a:gd name="f43" fmla="+- 0 0 f40"/>
              <a:gd name="f44" fmla="+- f7 f41 0"/>
              <a:gd name="f45" fmla="+- f7 f42 0"/>
              <a:gd name="f46" fmla="*/ f43 f1 1"/>
              <a:gd name="f47" fmla="*/ f42 f30 1"/>
              <a:gd name="f48" fmla="*/ f41 f30 1"/>
              <a:gd name="f49" fmla="*/ f46 1 f8"/>
              <a:gd name="f50" fmla="*/ f44 f30 1"/>
              <a:gd name="f51" fmla="+- f49 0 f2"/>
              <a:gd name="f52" fmla="cos 1 f51"/>
              <a:gd name="f53" fmla="sin 1 f51"/>
              <a:gd name="f54" fmla="+- 0 0 f52"/>
              <a:gd name="f55" fmla="+- 0 0 f53"/>
              <a:gd name="f56" fmla="+- 0 0 f54"/>
              <a:gd name="f57" fmla="+- 0 0 f55"/>
              <a:gd name="f58" fmla="val f56"/>
              <a:gd name="f59" fmla="val f57"/>
              <a:gd name="f60" fmla="*/ f58 f42 1"/>
              <a:gd name="f61" fmla="*/ f59 f41 1"/>
              <a:gd name="f62" fmla="+- f45 0 f60"/>
              <a:gd name="f63" fmla="+- f45 f60 0"/>
              <a:gd name="f64" fmla="+- f44 0 f61"/>
              <a:gd name="f65" fmla="+- f44 f61 0"/>
              <a:gd name="f66" fmla="*/ f62 f30 1"/>
              <a:gd name="f67" fmla="*/ f64 f30 1"/>
              <a:gd name="f68" fmla="*/ f63 f30 1"/>
              <a:gd name="f69" fmla="*/ f65 f30 1"/>
            </a:gdLst>
            <a:ahLst/>
            <a:cxnLst>
              <a:cxn ang="3cd4">
                <a:pos x="hc" y="t"/>
              </a:cxn>
              <a:cxn ang="0">
                <a:pos x="r" y="vc"/>
              </a:cxn>
              <a:cxn ang="cd4">
                <a:pos x="hc" y="b"/>
              </a:cxn>
              <a:cxn ang="cd2">
                <a:pos x="l" y="vc"/>
              </a:cxn>
              <a:cxn ang="f28">
                <a:pos x="f66" y="f67"/>
              </a:cxn>
              <a:cxn ang="f29">
                <a:pos x="f66" y="f69"/>
              </a:cxn>
              <a:cxn ang="f29">
                <a:pos x="f68" y="f69"/>
              </a:cxn>
              <a:cxn ang="f28">
                <a:pos x="f68" y="f67"/>
              </a:cxn>
            </a:cxnLst>
            <a:rect l="f66" t="f67" r="f68" b="f69"/>
            <a:pathLst>
              <a:path>
                <a:moveTo>
                  <a:pt x="f37" y="f50"/>
                </a:moveTo>
                <a:arcTo wR="f47" hR="f48" stAng="f1" swAng="f0"/>
                <a:close/>
              </a:path>
            </a:pathLst>
          </a:custGeom>
          <a:blipFill>
            <a:blip r:embed="rId7">
              <a:extLst>
                <a:ext uri="{28A0092B-C50C-407E-A947-70E740481C1C}">
                  <a14:useLocalDpi xmlns:a14="http://schemas.microsoft.com/office/drawing/2010/main" val="0"/>
                </a:ext>
              </a:extLst>
            </a:blip>
            <a:stretch>
              <a:fillRect/>
            </a:stretch>
          </a:blipFill>
          <a:ln cap="flat">
            <a:noFill/>
            <a:prstDash val="solid"/>
          </a:ln>
        </p:spPr>
        <p:txBody>
          <a:bodyPr vert="horz" wrap="square" lIns="91440" tIns="45720" rIns="91440" bIns="45720"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800" b="0" i="0" u="none" strike="noStrike" kern="1200" cap="none" spc="0" normalizeH="0" baseline="0" noProof="0">
              <a:ln>
                <a:noFill/>
              </a:ln>
              <a:solidFill>
                <a:srgbClr val="FFFFFF"/>
              </a:solidFill>
              <a:effectLst/>
              <a:uLnTx/>
              <a:uFillTx/>
              <a:latin typeface="Calibri"/>
              <a:ea typeface="+mn-ea"/>
              <a:cs typeface="+mn-cs"/>
            </a:endParaRPr>
          </a:p>
        </p:txBody>
      </p:sp>
      <p:sp>
        <p:nvSpPr>
          <p:cNvPr id="7" name="Oval 9">
            <a:extLst>
              <a:ext uri="{FF2B5EF4-FFF2-40B4-BE49-F238E27FC236}">
                <a16:creationId xmlns:a16="http://schemas.microsoft.com/office/drawing/2014/main" id="{1A4805F1-236D-264F-BF83-D610B547AE58}"/>
              </a:ext>
            </a:extLst>
          </p:cNvPr>
          <p:cNvSpPr/>
          <p:nvPr/>
        </p:nvSpPr>
        <p:spPr>
          <a:xfrm>
            <a:off x="467358" y="3975395"/>
            <a:ext cx="1580165" cy="1583164"/>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 2700000 f2 0"/>
              <a:gd name="f15" fmla="*/ f9 f1 1"/>
              <a:gd name="f16" fmla="*/ f10 f1 1"/>
              <a:gd name="f17" fmla="?: f11 f4 1"/>
              <a:gd name="f18" fmla="?: f12 f5 1"/>
              <a:gd name="f19" fmla="?: f13 f6 1"/>
              <a:gd name="f20" fmla="+- f14 0 f2"/>
              <a:gd name="f21" fmla="*/ f15 1 f3"/>
              <a:gd name="f22" fmla="*/ f16 1 f3"/>
              <a:gd name="f23" fmla="*/ f17 1 21600"/>
              <a:gd name="f24" fmla="*/ f18 1 21600"/>
              <a:gd name="f25" fmla="*/ 21600 f17 1"/>
              <a:gd name="f26" fmla="*/ 21600 f18 1"/>
              <a:gd name="f27" fmla="+- f20 f2 0"/>
              <a:gd name="f28" fmla="+- f21 0 f2"/>
              <a:gd name="f29" fmla="+- f22 0 f2"/>
              <a:gd name="f30" fmla="min f24 f23"/>
              <a:gd name="f31" fmla="*/ f25 1 f19"/>
              <a:gd name="f32" fmla="*/ f26 1 f19"/>
              <a:gd name="f33" fmla="*/ f27 f8 1"/>
              <a:gd name="f34" fmla="val f31"/>
              <a:gd name="f35" fmla="val f32"/>
              <a:gd name="f36" fmla="*/ f33 1 f1"/>
              <a:gd name="f37" fmla="*/ f7 f30 1"/>
              <a:gd name="f38" fmla="+- f35 0 f7"/>
              <a:gd name="f39" fmla="+- f34 0 f7"/>
              <a:gd name="f40" fmla="+- 0 0 f36"/>
              <a:gd name="f41" fmla="*/ f38 1 2"/>
              <a:gd name="f42" fmla="*/ f39 1 2"/>
              <a:gd name="f43" fmla="+- 0 0 f40"/>
              <a:gd name="f44" fmla="+- f7 f41 0"/>
              <a:gd name="f45" fmla="+- f7 f42 0"/>
              <a:gd name="f46" fmla="*/ f43 f1 1"/>
              <a:gd name="f47" fmla="*/ f42 f30 1"/>
              <a:gd name="f48" fmla="*/ f41 f30 1"/>
              <a:gd name="f49" fmla="*/ f46 1 f8"/>
              <a:gd name="f50" fmla="*/ f44 f30 1"/>
              <a:gd name="f51" fmla="+- f49 0 f2"/>
              <a:gd name="f52" fmla="cos 1 f51"/>
              <a:gd name="f53" fmla="sin 1 f51"/>
              <a:gd name="f54" fmla="+- 0 0 f52"/>
              <a:gd name="f55" fmla="+- 0 0 f53"/>
              <a:gd name="f56" fmla="+- 0 0 f54"/>
              <a:gd name="f57" fmla="+- 0 0 f55"/>
              <a:gd name="f58" fmla="val f56"/>
              <a:gd name="f59" fmla="val f57"/>
              <a:gd name="f60" fmla="*/ f58 f42 1"/>
              <a:gd name="f61" fmla="*/ f59 f41 1"/>
              <a:gd name="f62" fmla="+- f45 0 f60"/>
              <a:gd name="f63" fmla="+- f45 f60 0"/>
              <a:gd name="f64" fmla="+- f44 0 f61"/>
              <a:gd name="f65" fmla="+- f44 f61 0"/>
              <a:gd name="f66" fmla="*/ f62 f30 1"/>
              <a:gd name="f67" fmla="*/ f64 f30 1"/>
              <a:gd name="f68" fmla="*/ f63 f30 1"/>
              <a:gd name="f69" fmla="*/ f65 f30 1"/>
            </a:gdLst>
            <a:ahLst/>
            <a:cxnLst>
              <a:cxn ang="3cd4">
                <a:pos x="hc" y="t"/>
              </a:cxn>
              <a:cxn ang="0">
                <a:pos x="r" y="vc"/>
              </a:cxn>
              <a:cxn ang="cd4">
                <a:pos x="hc" y="b"/>
              </a:cxn>
              <a:cxn ang="cd2">
                <a:pos x="l" y="vc"/>
              </a:cxn>
              <a:cxn ang="f28">
                <a:pos x="f66" y="f67"/>
              </a:cxn>
              <a:cxn ang="f29">
                <a:pos x="f66" y="f69"/>
              </a:cxn>
              <a:cxn ang="f29">
                <a:pos x="f68" y="f69"/>
              </a:cxn>
              <a:cxn ang="f28">
                <a:pos x="f68" y="f67"/>
              </a:cxn>
            </a:cxnLst>
            <a:rect l="f66" t="f67" r="f68" b="f69"/>
            <a:pathLst>
              <a:path>
                <a:moveTo>
                  <a:pt x="f37" y="f50"/>
                </a:moveTo>
                <a:arcTo wR="f47" hR="f48" stAng="f1" swAng="f0"/>
                <a:close/>
              </a:path>
            </a:pathLst>
          </a:custGeom>
          <a:blipFill>
            <a:blip r:embed="rId8">
              <a:alphaModFix/>
              <a:extLst>
                <a:ext uri="{28A0092B-C50C-407E-A947-70E740481C1C}">
                  <a14:useLocalDpi xmlns:a14="http://schemas.microsoft.com/office/drawing/2010/main" val="0"/>
                </a:ext>
              </a:extLst>
            </a:blip>
            <a:stretch>
              <a:fillRect/>
            </a:stretch>
          </a:blipFill>
          <a:ln cap="flat">
            <a:noFill/>
            <a:prstDash val="solid"/>
          </a:ln>
        </p:spPr>
        <p:txBody>
          <a:bodyPr vert="horz" wrap="square" lIns="91440" tIns="45720" rIns="91440" bIns="45720"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800" b="0" i="0" u="none" strike="noStrike" kern="1200" cap="none" spc="0" normalizeH="0" baseline="0" noProof="0">
              <a:ln>
                <a:noFill/>
              </a:ln>
              <a:solidFill>
                <a:srgbClr val="FFFFFF"/>
              </a:solidFill>
              <a:effectLst/>
              <a:uLnTx/>
              <a:uFillTx/>
              <a:latin typeface="Calibri"/>
              <a:ea typeface="+mn-ea"/>
              <a:cs typeface="+mn-cs"/>
            </a:endParaRPr>
          </a:p>
        </p:txBody>
      </p:sp>
    </p:spTree>
    <p:custDataLst>
      <p:custData r:id="rId1"/>
      <p:custData r:id="rId2"/>
    </p:custData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43CE61-22D1-A9BD-2F48-CE7EB6EA0DB5}"/>
              </a:ext>
            </a:extLst>
          </p:cNvPr>
          <p:cNvSpPr>
            <a:spLocks noGrp="1"/>
          </p:cNvSpPr>
          <p:nvPr>
            <p:ph type="title"/>
          </p:nvPr>
        </p:nvSpPr>
        <p:spPr/>
        <p:txBody>
          <a:bodyPr>
            <a:noAutofit/>
          </a:bodyPr>
          <a:lstStyle/>
          <a:p>
            <a:r>
              <a:rPr lang="en-US"/>
              <a:t>Comprehensive</a:t>
            </a:r>
            <a:br>
              <a:rPr lang="en-US"/>
            </a:br>
            <a:r>
              <a:rPr lang="en-US"/>
              <a:t>products and network</a:t>
            </a:r>
          </a:p>
        </p:txBody>
      </p:sp>
      <p:sp>
        <p:nvSpPr>
          <p:cNvPr id="4" name="Content Placeholder 3">
            <a:extLst>
              <a:ext uri="{FF2B5EF4-FFF2-40B4-BE49-F238E27FC236}">
                <a16:creationId xmlns:a16="http://schemas.microsoft.com/office/drawing/2014/main" id="{0B900EDD-6187-A645-ADA9-E9F4A46B6293}"/>
              </a:ext>
            </a:extLst>
          </p:cNvPr>
          <p:cNvSpPr txBox="1">
            <a:spLocks noGrp="1"/>
          </p:cNvSpPr>
          <p:nvPr>
            <p:ph idx="4294967295"/>
          </p:nvPr>
        </p:nvSpPr>
        <p:spPr>
          <a:xfrm>
            <a:off x="467358" y="1736893"/>
            <a:ext cx="5376230" cy="4004971"/>
          </a:xfrm>
        </p:spPr>
        <p:txBody>
          <a:bodyPr>
            <a:noAutofit/>
          </a:bodyPr>
          <a:lstStyle/>
          <a:p>
            <a:pPr lvl="0"/>
            <a:r>
              <a:rPr lang="en-US" b="1" dirty="0"/>
              <a:t>Looking for a nationwide network that provides access to top brands?</a:t>
            </a:r>
          </a:p>
          <a:p>
            <a:pPr>
              <a:spcBef>
                <a:spcPts val="200"/>
              </a:spcBef>
              <a:spcAft>
                <a:spcPts val="0"/>
              </a:spcAft>
            </a:pPr>
            <a:r>
              <a:rPr lang="en-US" sz="1600" dirty="0"/>
              <a:t>Our complete furniture solutions include offerings from names such as Hon, Kimball International, and Safco, and our unified network provides strategic advantages across every phase of your project.</a:t>
            </a:r>
          </a:p>
          <a:p>
            <a:pPr marL="171450" lvl="1" indent="0">
              <a:spcBef>
                <a:spcPts val="200"/>
              </a:spcBef>
              <a:buNone/>
            </a:pPr>
            <a:endParaRPr lang="en-US" sz="1200" dirty="0"/>
          </a:p>
        </p:txBody>
      </p:sp>
      <p:pic>
        <p:nvPicPr>
          <p:cNvPr id="11" name="Picture Placeholder 10" descr="A picture containing indoor, living, furniture&#10;&#10;Description automatically generated">
            <a:extLst>
              <a:ext uri="{FF2B5EF4-FFF2-40B4-BE49-F238E27FC236}">
                <a16:creationId xmlns:a16="http://schemas.microsoft.com/office/drawing/2014/main" id="{35CF3888-690B-49A7-F027-F0874A621D0A}"/>
              </a:ext>
            </a:extLst>
          </p:cNvPr>
          <p:cNvPicPr>
            <a:picLocks noGrp="1" noChangeAspect="1"/>
          </p:cNvPicPr>
          <p:nvPr>
            <p:ph type="pic" idx="4294967295"/>
          </p:nvPr>
        </p:nvPicPr>
        <p:blipFill>
          <a:blip r:embed="rId5" cstate="print">
            <a:extLst>
              <a:ext uri="{28A0092B-C50C-407E-A947-70E740481C1C}">
                <a14:useLocalDpi xmlns:a14="http://schemas.microsoft.com/office/drawing/2010/main" val="0"/>
              </a:ext>
            </a:extLst>
          </a:blip>
          <a:srcRect/>
          <a:stretch>
            <a:fillRect/>
          </a:stretch>
        </p:blipFill>
        <p:spPr>
          <a:xfrm>
            <a:off x="6111875" y="0"/>
            <a:ext cx="6080125" cy="6858000"/>
          </a:xfrm>
        </p:spPr>
      </p:pic>
      <p:sp>
        <p:nvSpPr>
          <p:cNvPr id="13" name="Oval 1">
            <a:extLst>
              <a:ext uri="{FF2B5EF4-FFF2-40B4-BE49-F238E27FC236}">
                <a16:creationId xmlns:a16="http://schemas.microsoft.com/office/drawing/2014/main" id="{2CCCF33B-AFDB-B307-ADD3-305DD7AA3805}"/>
              </a:ext>
            </a:extLst>
          </p:cNvPr>
          <p:cNvSpPr/>
          <p:nvPr/>
        </p:nvSpPr>
        <p:spPr>
          <a:xfrm>
            <a:off x="2278236" y="3975395"/>
            <a:ext cx="1580165" cy="1583164"/>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 2700000 f2 0"/>
              <a:gd name="f15" fmla="*/ f9 f1 1"/>
              <a:gd name="f16" fmla="*/ f10 f1 1"/>
              <a:gd name="f17" fmla="?: f11 f4 1"/>
              <a:gd name="f18" fmla="?: f12 f5 1"/>
              <a:gd name="f19" fmla="?: f13 f6 1"/>
              <a:gd name="f20" fmla="+- f14 0 f2"/>
              <a:gd name="f21" fmla="*/ f15 1 f3"/>
              <a:gd name="f22" fmla="*/ f16 1 f3"/>
              <a:gd name="f23" fmla="*/ f17 1 21600"/>
              <a:gd name="f24" fmla="*/ f18 1 21600"/>
              <a:gd name="f25" fmla="*/ 21600 f17 1"/>
              <a:gd name="f26" fmla="*/ 21600 f18 1"/>
              <a:gd name="f27" fmla="+- f20 f2 0"/>
              <a:gd name="f28" fmla="+- f21 0 f2"/>
              <a:gd name="f29" fmla="+- f22 0 f2"/>
              <a:gd name="f30" fmla="min f24 f23"/>
              <a:gd name="f31" fmla="*/ f25 1 f19"/>
              <a:gd name="f32" fmla="*/ f26 1 f19"/>
              <a:gd name="f33" fmla="*/ f27 f8 1"/>
              <a:gd name="f34" fmla="val f31"/>
              <a:gd name="f35" fmla="val f32"/>
              <a:gd name="f36" fmla="*/ f33 1 f1"/>
              <a:gd name="f37" fmla="*/ f7 f30 1"/>
              <a:gd name="f38" fmla="+- f35 0 f7"/>
              <a:gd name="f39" fmla="+- f34 0 f7"/>
              <a:gd name="f40" fmla="+- 0 0 f36"/>
              <a:gd name="f41" fmla="*/ f38 1 2"/>
              <a:gd name="f42" fmla="*/ f39 1 2"/>
              <a:gd name="f43" fmla="+- 0 0 f40"/>
              <a:gd name="f44" fmla="+- f7 f41 0"/>
              <a:gd name="f45" fmla="+- f7 f42 0"/>
              <a:gd name="f46" fmla="*/ f43 f1 1"/>
              <a:gd name="f47" fmla="*/ f42 f30 1"/>
              <a:gd name="f48" fmla="*/ f41 f30 1"/>
              <a:gd name="f49" fmla="*/ f46 1 f8"/>
              <a:gd name="f50" fmla="*/ f44 f30 1"/>
              <a:gd name="f51" fmla="+- f49 0 f2"/>
              <a:gd name="f52" fmla="cos 1 f51"/>
              <a:gd name="f53" fmla="sin 1 f51"/>
              <a:gd name="f54" fmla="+- 0 0 f52"/>
              <a:gd name="f55" fmla="+- 0 0 f53"/>
              <a:gd name="f56" fmla="+- 0 0 f54"/>
              <a:gd name="f57" fmla="+- 0 0 f55"/>
              <a:gd name="f58" fmla="val f56"/>
              <a:gd name="f59" fmla="val f57"/>
              <a:gd name="f60" fmla="*/ f58 f42 1"/>
              <a:gd name="f61" fmla="*/ f59 f41 1"/>
              <a:gd name="f62" fmla="+- f45 0 f60"/>
              <a:gd name="f63" fmla="+- f45 f60 0"/>
              <a:gd name="f64" fmla="+- f44 0 f61"/>
              <a:gd name="f65" fmla="+- f44 f61 0"/>
              <a:gd name="f66" fmla="*/ f62 f30 1"/>
              <a:gd name="f67" fmla="*/ f64 f30 1"/>
              <a:gd name="f68" fmla="*/ f63 f30 1"/>
              <a:gd name="f69" fmla="*/ f65 f30 1"/>
            </a:gdLst>
            <a:ahLst/>
            <a:cxnLst>
              <a:cxn ang="3cd4">
                <a:pos x="hc" y="t"/>
              </a:cxn>
              <a:cxn ang="0">
                <a:pos x="r" y="vc"/>
              </a:cxn>
              <a:cxn ang="cd4">
                <a:pos x="hc" y="b"/>
              </a:cxn>
              <a:cxn ang="cd2">
                <a:pos x="l" y="vc"/>
              </a:cxn>
              <a:cxn ang="f28">
                <a:pos x="f66" y="f67"/>
              </a:cxn>
              <a:cxn ang="f29">
                <a:pos x="f66" y="f69"/>
              </a:cxn>
              <a:cxn ang="f29">
                <a:pos x="f68" y="f69"/>
              </a:cxn>
              <a:cxn ang="f28">
                <a:pos x="f68" y="f67"/>
              </a:cxn>
            </a:cxnLst>
            <a:rect l="f66" t="f67" r="f68" b="f69"/>
            <a:pathLst>
              <a:path>
                <a:moveTo>
                  <a:pt x="f37" y="f50"/>
                </a:moveTo>
                <a:arcTo wR="f47" hR="f48" stAng="f1" swAng="f0"/>
                <a:close/>
              </a:path>
            </a:pathLst>
          </a:custGeom>
          <a:blipFill>
            <a:blip r:embed="rId6" cstate="print">
              <a:extLst>
                <a:ext uri="{28A0092B-C50C-407E-A947-70E740481C1C}">
                  <a14:useLocalDpi xmlns:a14="http://schemas.microsoft.com/office/drawing/2010/main" val="0"/>
                </a:ext>
              </a:extLst>
            </a:blip>
            <a:stretch>
              <a:fillRect t="906" b="906"/>
            </a:stretch>
          </a:blipFill>
          <a:ln cap="flat">
            <a:noFill/>
            <a:prstDash val="solid"/>
          </a:ln>
        </p:spPr>
        <p:txBody>
          <a:bodyPr vert="horz" wrap="square" lIns="91440" tIns="45720" rIns="91440" bIns="45720"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800" b="0" i="0" u="none" strike="noStrike" kern="1200" cap="none" spc="0" normalizeH="0" baseline="0" noProof="0">
              <a:ln>
                <a:noFill/>
              </a:ln>
              <a:solidFill>
                <a:srgbClr val="FFFFFF"/>
              </a:solidFill>
              <a:effectLst/>
              <a:uLnTx/>
              <a:uFillTx/>
              <a:latin typeface="Calibri"/>
              <a:ea typeface="+mn-ea"/>
              <a:cs typeface="+mn-cs"/>
            </a:endParaRPr>
          </a:p>
        </p:txBody>
      </p:sp>
      <p:sp>
        <p:nvSpPr>
          <p:cNvPr id="15" name="Oval 9">
            <a:extLst>
              <a:ext uri="{FF2B5EF4-FFF2-40B4-BE49-F238E27FC236}">
                <a16:creationId xmlns:a16="http://schemas.microsoft.com/office/drawing/2014/main" id="{F8EEA1D9-1194-508D-935F-51CB45A6039B}"/>
              </a:ext>
            </a:extLst>
          </p:cNvPr>
          <p:cNvSpPr/>
          <p:nvPr/>
        </p:nvSpPr>
        <p:spPr>
          <a:xfrm>
            <a:off x="467358" y="3975395"/>
            <a:ext cx="1580165" cy="1583164"/>
          </a:xfrm>
          <a:prstGeom prst="ellipse">
            <a:avLst/>
          </a:prstGeom>
          <a:blipFill>
            <a:blip r:embed="rId7" cstate="print">
              <a:extLst>
                <a:ext uri="{28A0092B-C50C-407E-A947-70E740481C1C}">
                  <a14:useLocalDpi xmlns:a14="http://schemas.microsoft.com/office/drawing/2010/main" val="0"/>
                </a:ext>
              </a:extLst>
            </a:blip>
            <a:stretch>
              <a:fillRect/>
            </a:stretch>
          </a:blipFill>
          <a:ln cap="flat">
            <a:noFill/>
            <a:prstDash val="solid"/>
          </a:ln>
        </p:spPr>
        <p:txBody>
          <a:bodyPr vert="horz" wrap="square" lIns="91440" tIns="45720" rIns="91440" bIns="45720"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800" b="0" i="0" u="none" strike="noStrike" kern="1200" cap="none" spc="0" normalizeH="0" baseline="0" noProof="0">
              <a:ln>
                <a:noFill/>
              </a:ln>
              <a:solidFill>
                <a:srgbClr val="FFFFFF"/>
              </a:solidFill>
              <a:effectLst/>
              <a:uLnTx/>
              <a:uFillTx/>
              <a:latin typeface="Calibri"/>
              <a:ea typeface="+mn-ea"/>
              <a:cs typeface="+mn-cs"/>
            </a:endParaRPr>
          </a:p>
        </p:txBody>
      </p:sp>
      <p:pic>
        <p:nvPicPr>
          <p:cNvPr id="3" name="Picture 2">
            <a:extLst>
              <a:ext uri="{FF2B5EF4-FFF2-40B4-BE49-F238E27FC236}">
                <a16:creationId xmlns:a16="http://schemas.microsoft.com/office/drawing/2014/main" id="{0D94B3E4-83A6-4FE5-963D-358CA9154533}"/>
              </a:ext>
            </a:extLst>
          </p:cNvPr>
          <p:cNvPicPr>
            <a:picLocks/>
          </p:cNvPicPr>
          <p:nvPr/>
        </p:nvPicPr>
        <p:blipFill>
          <a:blip r:embed="rId8">
            <a:extLst>
              <a:ext uri="{28A0092B-C50C-407E-A947-70E740481C1C}">
                <a14:useLocalDpi xmlns:a14="http://schemas.microsoft.com/office/drawing/2010/main" val="0"/>
              </a:ext>
            </a:extLst>
          </a:blip>
          <a:stretch>
            <a:fillRect/>
          </a:stretch>
        </p:blipFill>
        <p:spPr>
          <a:xfrm>
            <a:off x="3994675" y="3975395"/>
            <a:ext cx="1583164" cy="1583164"/>
          </a:xfrm>
          <a:prstGeom prst="ellipse">
            <a:avLst/>
          </a:prstGeom>
        </p:spPr>
      </p:pic>
    </p:spTree>
    <p:custDataLst>
      <p:custData r:id="rId1"/>
      <p:custData r:id="rId2"/>
    </p:custData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DB2A00-046D-1005-ECC7-78430D4E1BF8}"/>
              </a:ext>
            </a:extLst>
          </p:cNvPr>
          <p:cNvSpPr>
            <a:spLocks noGrp="1"/>
          </p:cNvSpPr>
          <p:nvPr>
            <p:ph type="title"/>
          </p:nvPr>
        </p:nvSpPr>
        <p:spPr/>
        <p:txBody>
          <a:bodyPr>
            <a:normAutofit/>
          </a:bodyPr>
          <a:lstStyle/>
          <a:p>
            <a:r>
              <a:rPr lang="en-US"/>
              <a:t>Print, promo, </a:t>
            </a:r>
            <a:br>
              <a:rPr lang="en-US"/>
            </a:br>
            <a:r>
              <a:rPr lang="en-US"/>
              <a:t>and apparel</a:t>
            </a:r>
          </a:p>
        </p:txBody>
      </p:sp>
      <p:sp>
        <p:nvSpPr>
          <p:cNvPr id="4" name="Content Placeholder 3">
            <a:extLst>
              <a:ext uri="{FF2B5EF4-FFF2-40B4-BE49-F238E27FC236}">
                <a16:creationId xmlns:a16="http://schemas.microsoft.com/office/drawing/2014/main" id="{0B900EDD-6187-A645-ADA9-E9F4A46B6293}"/>
              </a:ext>
            </a:extLst>
          </p:cNvPr>
          <p:cNvSpPr txBox="1">
            <a:spLocks noGrp="1"/>
          </p:cNvSpPr>
          <p:nvPr>
            <p:ph idx="4294967295"/>
          </p:nvPr>
        </p:nvSpPr>
        <p:spPr>
          <a:xfrm>
            <a:off x="477517" y="1825627"/>
            <a:ext cx="5201921" cy="4351336"/>
          </a:xfrm>
        </p:spPr>
        <p:txBody>
          <a:bodyPr>
            <a:noAutofit/>
          </a:bodyPr>
          <a:lstStyle/>
          <a:p>
            <a:pPr marL="9528" lvl="0">
              <a:spcBef>
                <a:spcPts val="0"/>
              </a:spcBef>
              <a:spcAft>
                <a:spcPts val="200"/>
              </a:spcAft>
            </a:pPr>
            <a:r>
              <a:rPr lang="en-US" sz="1800" b="1"/>
              <a:t>Looking for a way to showcase your brand? </a:t>
            </a:r>
          </a:p>
          <a:p>
            <a:pPr marL="9528" lvl="0">
              <a:spcBef>
                <a:spcPts val="200"/>
              </a:spcBef>
            </a:pPr>
            <a:r>
              <a:rPr lang="en-US" sz="1600"/>
              <a:t>ODP Business Solutions and the ODP360 technology platform can custom-create your company store for all your branded promotional products and branded apparel for use in:</a:t>
            </a:r>
          </a:p>
          <a:p>
            <a:pPr marL="9528" lvl="0">
              <a:spcBef>
                <a:spcPts val="200"/>
              </a:spcBef>
              <a:spcAft>
                <a:spcPts val="0"/>
              </a:spcAft>
            </a:pPr>
            <a:r>
              <a:rPr lang="en-US" sz="1600"/>
              <a:t>• Gifting programs</a:t>
            </a:r>
          </a:p>
          <a:p>
            <a:pPr marL="9528" lvl="0">
              <a:spcBef>
                <a:spcPts val="200"/>
              </a:spcBef>
              <a:spcAft>
                <a:spcPts val="0"/>
              </a:spcAft>
            </a:pPr>
            <a:r>
              <a:rPr lang="en-US" sz="1600"/>
              <a:t>• Sales incentives</a:t>
            </a:r>
          </a:p>
          <a:p>
            <a:pPr marL="9528" lvl="0">
              <a:spcBef>
                <a:spcPts val="200"/>
              </a:spcBef>
              <a:spcAft>
                <a:spcPts val="0"/>
              </a:spcAft>
            </a:pPr>
            <a:r>
              <a:rPr lang="en-US" sz="1600"/>
              <a:t>• Client gifting</a:t>
            </a:r>
          </a:p>
          <a:p>
            <a:pPr marL="9528" lvl="0">
              <a:spcBef>
                <a:spcPts val="200"/>
              </a:spcBef>
              <a:spcAft>
                <a:spcPts val="0"/>
              </a:spcAft>
            </a:pPr>
            <a:r>
              <a:rPr lang="en-US" sz="1600"/>
              <a:t>• Event giveaways</a:t>
            </a:r>
          </a:p>
          <a:p>
            <a:pPr marL="9528" lvl="0">
              <a:spcBef>
                <a:spcPts val="0"/>
              </a:spcBef>
              <a:spcAft>
                <a:spcPts val="0"/>
              </a:spcAft>
            </a:pPr>
            <a:endParaRPr lang="en-US" sz="1600"/>
          </a:p>
          <a:p>
            <a:pPr marL="9528" lvl="0">
              <a:spcBef>
                <a:spcPts val="0"/>
              </a:spcBef>
              <a:spcAft>
                <a:spcPts val="0"/>
              </a:spcAft>
            </a:pPr>
            <a:r>
              <a:rPr lang="en-US" sz="1600"/>
              <a:t>Let us handle the sourcing and distribution, and you enjoy the ease of a seamless company store for all your branded products. </a:t>
            </a:r>
          </a:p>
          <a:p>
            <a:pPr marL="171450" lvl="1" indent="0">
              <a:spcBef>
                <a:spcPts val="200"/>
              </a:spcBef>
              <a:buNone/>
            </a:pPr>
            <a:endParaRPr lang="en-US" sz="1200"/>
          </a:p>
        </p:txBody>
      </p:sp>
      <p:pic>
        <p:nvPicPr>
          <p:cNvPr id="5" name="Picture Placeholder 4">
            <a:extLst>
              <a:ext uri="{FF2B5EF4-FFF2-40B4-BE49-F238E27FC236}">
                <a16:creationId xmlns:a16="http://schemas.microsoft.com/office/drawing/2014/main" id="{DC057ADC-8460-96D9-4B0F-AD958EEFE1CC}"/>
              </a:ext>
            </a:extLst>
          </p:cNvPr>
          <p:cNvPicPr>
            <a:picLocks noGrp="1" noChangeAspect="1"/>
          </p:cNvPicPr>
          <p:nvPr>
            <p:ph type="pic" idx="4294967295"/>
          </p:nvPr>
        </p:nvPicPr>
        <p:blipFill>
          <a:blip r:embed="rId5" cstate="print">
            <a:extLst>
              <a:ext uri="{28A0092B-C50C-407E-A947-70E740481C1C}">
                <a14:useLocalDpi xmlns:a14="http://schemas.microsoft.com/office/drawing/2010/main" val="0"/>
              </a:ext>
            </a:extLst>
          </a:blip>
          <a:srcRect/>
          <a:stretch>
            <a:fillRect/>
          </a:stretch>
        </p:blipFill>
        <p:spPr>
          <a:xfrm>
            <a:off x="6111875" y="0"/>
            <a:ext cx="6080125" cy="6858000"/>
          </a:xfrm>
          <a:prstGeom prst="rect">
            <a:avLst/>
          </a:prstGeom>
        </p:spPr>
      </p:pic>
    </p:spTree>
    <p:custDataLst>
      <p:custData r:id="rId1"/>
      <p:custData r:id="rId2"/>
    </p:custDataLst>
    <p:extLst>
      <p:ext uri="{BB962C8B-B14F-4D97-AF65-F5344CB8AC3E}">
        <p14:creationId xmlns:p14="http://schemas.microsoft.com/office/powerpoint/2010/main" val="206622375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899E11E-9825-8240-BDA6-3546D7454A09}"/>
              </a:ext>
            </a:extLst>
          </p:cNvPr>
          <p:cNvSpPr>
            <a:spLocks noGrp="1"/>
          </p:cNvSpPr>
          <p:nvPr>
            <p:ph type="title"/>
          </p:nvPr>
        </p:nvSpPr>
        <p:spPr/>
        <p:txBody>
          <a:bodyPr/>
          <a:lstStyle/>
          <a:p>
            <a:r>
              <a:rPr lang="en-US"/>
              <a:t>Print, promo, and apparel, continued</a:t>
            </a:r>
          </a:p>
        </p:txBody>
      </p:sp>
      <p:sp>
        <p:nvSpPr>
          <p:cNvPr id="4" name="Content Placeholder 3">
            <a:extLst>
              <a:ext uri="{FF2B5EF4-FFF2-40B4-BE49-F238E27FC236}">
                <a16:creationId xmlns:a16="http://schemas.microsoft.com/office/drawing/2014/main" id="{663DE999-4FEF-654E-B71A-03B1B33A0A3A}"/>
              </a:ext>
            </a:extLst>
          </p:cNvPr>
          <p:cNvSpPr>
            <a:spLocks noGrp="1"/>
          </p:cNvSpPr>
          <p:nvPr>
            <p:ph idx="4294967295"/>
          </p:nvPr>
        </p:nvSpPr>
        <p:spPr>
          <a:xfrm>
            <a:off x="6054767" y="1691759"/>
            <a:ext cx="5250406" cy="5024854"/>
          </a:xfrm>
        </p:spPr>
        <p:txBody>
          <a:bodyPr>
            <a:noAutofit/>
          </a:bodyPr>
          <a:lstStyle/>
          <a:p>
            <a:pPr marL="0" indent="0">
              <a:buNone/>
            </a:pPr>
            <a:r>
              <a:rPr lang="en-US" sz="1600" b="1" dirty="0"/>
              <a:t>Industries served</a:t>
            </a:r>
          </a:p>
          <a:p>
            <a:pPr marL="233363" lvl="1" indent="-223838"/>
            <a:r>
              <a:rPr lang="en-US" dirty="0"/>
              <a:t>Healthcare, retail, hospitality, manufacturing, financial, professional, and technology</a:t>
            </a:r>
          </a:p>
          <a:p>
            <a:pPr marL="233363" indent="-223838">
              <a:spcBef>
                <a:spcPts val="600"/>
              </a:spcBef>
              <a:buNone/>
            </a:pPr>
            <a:r>
              <a:rPr lang="en-US" sz="1600" b="1" dirty="0"/>
              <a:t>Program control</a:t>
            </a:r>
          </a:p>
          <a:p>
            <a:pPr marL="233363" lvl="1" indent="-223838"/>
            <a:r>
              <a:rPr lang="en-US" dirty="0"/>
              <a:t>Program aggregation and cost management</a:t>
            </a:r>
          </a:p>
          <a:p>
            <a:pPr marL="233363" lvl="1" indent="-223838"/>
            <a:r>
              <a:rPr lang="en-US" dirty="0"/>
              <a:t>End-to-end online tools</a:t>
            </a:r>
          </a:p>
          <a:p>
            <a:pPr marL="233363" lvl="1" indent="-223838"/>
            <a:r>
              <a:rPr lang="en-US" dirty="0"/>
              <a:t>Defined user groups</a:t>
            </a:r>
          </a:p>
          <a:p>
            <a:pPr marL="233363" indent="-223838">
              <a:spcBef>
                <a:spcPts val="600"/>
              </a:spcBef>
              <a:buNone/>
            </a:pPr>
            <a:r>
              <a:rPr lang="en-US" sz="1600" b="1" dirty="0"/>
              <a:t>National reach</a:t>
            </a:r>
          </a:p>
          <a:p>
            <a:pPr marL="233363" lvl="1" indent="-223838"/>
            <a:r>
              <a:rPr lang="en-US" dirty="0"/>
              <a:t>Multiple points-of-presence</a:t>
            </a:r>
          </a:p>
          <a:p>
            <a:pPr marL="233363" lvl="1" indent="-223838"/>
            <a:r>
              <a:rPr lang="en-US" dirty="0"/>
              <a:t>Just-in-time and timed delivery</a:t>
            </a:r>
          </a:p>
          <a:p>
            <a:pPr marL="233363" indent="-223838">
              <a:spcBef>
                <a:spcPts val="600"/>
              </a:spcBef>
              <a:buNone/>
            </a:pPr>
            <a:r>
              <a:rPr lang="en-US" sz="1600" b="1" dirty="0"/>
              <a:t>Flexibility</a:t>
            </a:r>
          </a:p>
          <a:p>
            <a:pPr marL="233363" lvl="1" indent="-223838"/>
            <a:r>
              <a:rPr lang="en-US" dirty="0"/>
              <a:t>Third-party manufacturing partners</a:t>
            </a:r>
          </a:p>
          <a:p>
            <a:pPr marL="233363" lvl="1" indent="-223838"/>
            <a:r>
              <a:rPr lang="en-US" dirty="0"/>
              <a:t>Scaled high-volume distribution</a:t>
            </a:r>
          </a:p>
          <a:p>
            <a:pPr marL="233363" lvl="1" indent="-223838"/>
            <a:r>
              <a:rPr lang="en-US" dirty="0"/>
              <a:t>Highest quality apparel, promo, and print solutions</a:t>
            </a:r>
          </a:p>
        </p:txBody>
      </p:sp>
      <p:grpSp>
        <p:nvGrpSpPr>
          <p:cNvPr id="3" name="Group 2">
            <a:extLst>
              <a:ext uri="{FF2B5EF4-FFF2-40B4-BE49-F238E27FC236}">
                <a16:creationId xmlns:a16="http://schemas.microsoft.com/office/drawing/2014/main" id="{DBF651C7-B7D4-C6C1-EBE9-FD9870A915B8}"/>
              </a:ext>
            </a:extLst>
          </p:cNvPr>
          <p:cNvGrpSpPr/>
          <p:nvPr/>
        </p:nvGrpSpPr>
        <p:grpSpPr>
          <a:xfrm>
            <a:off x="845594" y="1484858"/>
            <a:ext cx="4907943" cy="4509039"/>
            <a:chOff x="141518" y="1172790"/>
            <a:chExt cx="5655165" cy="5195529"/>
          </a:xfrm>
        </p:grpSpPr>
        <p:sp>
          <p:nvSpPr>
            <p:cNvPr id="27" name="Oval 26">
              <a:extLst>
                <a:ext uri="{FF2B5EF4-FFF2-40B4-BE49-F238E27FC236}">
                  <a16:creationId xmlns:a16="http://schemas.microsoft.com/office/drawing/2014/main" id="{BE836CD1-3D3D-4FE0-BEDD-E6C8D1FB9692}"/>
                </a:ext>
              </a:extLst>
            </p:cNvPr>
            <p:cNvSpPr/>
            <p:nvPr/>
          </p:nvSpPr>
          <p:spPr>
            <a:xfrm>
              <a:off x="858195" y="1741713"/>
              <a:ext cx="4244397" cy="4244397"/>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3200" b="0" i="0" u="none" strike="noStrike" kern="1200" cap="none" spc="0" normalizeH="0" baseline="0" noProof="0">
                <a:ln>
                  <a:noFill/>
                </a:ln>
                <a:solidFill>
                  <a:srgbClr val="FFFFFF"/>
                </a:solidFill>
                <a:effectLst/>
                <a:uLnTx/>
                <a:uFillTx/>
                <a:latin typeface="Calibri" panose="020F0502020204030204"/>
                <a:ea typeface="+mn-ea"/>
                <a:cs typeface="+mn-cs"/>
              </a:endParaRPr>
            </a:p>
          </p:txBody>
        </p:sp>
        <p:sp>
          <p:nvSpPr>
            <p:cNvPr id="9" name="Graphic 5">
              <a:extLst>
                <a:ext uri="{FF2B5EF4-FFF2-40B4-BE49-F238E27FC236}">
                  <a16:creationId xmlns:a16="http://schemas.microsoft.com/office/drawing/2014/main" id="{F2E60D3F-34A9-4425-AC31-631019901DBE}"/>
                </a:ext>
              </a:extLst>
            </p:cNvPr>
            <p:cNvSpPr/>
            <p:nvPr/>
          </p:nvSpPr>
          <p:spPr>
            <a:xfrm>
              <a:off x="2081119" y="1172790"/>
              <a:ext cx="1828800" cy="1828800"/>
            </a:xfrm>
            <a:custGeom>
              <a:avLst/>
              <a:gdLst>
                <a:gd name="connsiteX0" fmla="*/ 911232 w 1201955"/>
                <a:gd name="connsiteY0" fmla="*/ 86528 h 1201798"/>
                <a:gd name="connsiteX1" fmla="*/ 911232 w 1201955"/>
                <a:gd name="connsiteY1" fmla="*/ 86528 h 1201798"/>
                <a:gd name="connsiteX2" fmla="*/ 895550 w 1201955"/>
                <a:gd name="connsiteY2" fmla="*/ 89379 h 1201798"/>
                <a:gd name="connsiteX3" fmla="*/ 888897 w 1201955"/>
                <a:gd name="connsiteY3" fmla="*/ 96791 h 1201798"/>
                <a:gd name="connsiteX4" fmla="*/ 736358 w 1201955"/>
                <a:gd name="connsiteY4" fmla="*/ 266237 h 1201798"/>
                <a:gd name="connsiteX5" fmla="*/ 736358 w 1201955"/>
                <a:gd name="connsiteY5" fmla="*/ 266237 h 1201798"/>
                <a:gd name="connsiteX6" fmla="*/ 714499 w 1201955"/>
                <a:gd name="connsiteY6" fmla="*/ 290471 h 1201798"/>
                <a:gd name="connsiteX7" fmla="*/ 714499 w 1201955"/>
                <a:gd name="connsiteY7" fmla="*/ 290471 h 1201798"/>
                <a:gd name="connsiteX8" fmla="*/ 710127 w 1201955"/>
                <a:gd name="connsiteY8" fmla="*/ 295318 h 1201798"/>
                <a:gd name="connsiteX9" fmla="*/ 710698 w 1201955"/>
                <a:gd name="connsiteY9" fmla="*/ 313659 h 1201798"/>
                <a:gd name="connsiteX10" fmla="*/ 721722 w 1201955"/>
                <a:gd name="connsiteY10" fmla="*/ 319266 h 1201798"/>
                <a:gd name="connsiteX11" fmla="*/ 721722 w 1201955"/>
                <a:gd name="connsiteY11" fmla="*/ 319361 h 1201798"/>
                <a:gd name="connsiteX12" fmla="*/ 887091 w 1201955"/>
                <a:gd name="connsiteY12" fmla="*/ 710711 h 1201798"/>
                <a:gd name="connsiteX13" fmla="*/ 491251 w 1201955"/>
                <a:gd name="connsiteY13" fmla="*/ 886999 h 1201798"/>
                <a:gd name="connsiteX14" fmla="*/ 314952 w 1201955"/>
                <a:gd name="connsiteY14" fmla="*/ 491183 h 1201798"/>
                <a:gd name="connsiteX15" fmla="*/ 624782 w 1201955"/>
                <a:gd name="connsiteY15" fmla="*/ 295413 h 1201798"/>
                <a:gd name="connsiteX16" fmla="*/ 624782 w 1201955"/>
                <a:gd name="connsiteY16" fmla="*/ 295318 h 1201798"/>
                <a:gd name="connsiteX17" fmla="*/ 635711 w 1201955"/>
                <a:gd name="connsiteY17" fmla="*/ 291136 h 1201798"/>
                <a:gd name="connsiteX18" fmla="*/ 837386 w 1201955"/>
                <a:gd name="connsiteY18" fmla="*/ 67236 h 1201798"/>
                <a:gd name="connsiteX19" fmla="*/ 836435 w 1201955"/>
                <a:gd name="connsiteY19" fmla="*/ 48989 h 1201798"/>
                <a:gd name="connsiteX20" fmla="*/ 832539 w 1201955"/>
                <a:gd name="connsiteY20" fmla="*/ 46613 h 1201798"/>
                <a:gd name="connsiteX21" fmla="*/ 816382 w 1201955"/>
                <a:gd name="connsiteY21" fmla="*/ 40056 h 1201798"/>
                <a:gd name="connsiteX22" fmla="*/ 40097 w 1201955"/>
                <a:gd name="connsiteY22" fmla="*/ 385600 h 1201798"/>
                <a:gd name="connsiteX23" fmla="*/ 385662 w 1201955"/>
                <a:gd name="connsiteY23" fmla="*/ 1161743 h 1201798"/>
                <a:gd name="connsiteX24" fmla="*/ 1161946 w 1201955"/>
                <a:gd name="connsiteY24" fmla="*/ 816199 h 1201798"/>
                <a:gd name="connsiteX25" fmla="*/ 911232 w 1201955"/>
                <a:gd name="connsiteY25" fmla="*/ 86528 h 12017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201955" h="1201798">
                  <a:moveTo>
                    <a:pt x="911232" y="86528"/>
                  </a:moveTo>
                  <a:lnTo>
                    <a:pt x="911232" y="86528"/>
                  </a:lnTo>
                  <a:cubicBezTo>
                    <a:pt x="906099" y="83962"/>
                    <a:pt x="899637" y="84912"/>
                    <a:pt x="895550" y="89379"/>
                  </a:cubicBezTo>
                  <a:lnTo>
                    <a:pt x="888897" y="96791"/>
                  </a:lnTo>
                  <a:lnTo>
                    <a:pt x="736358" y="266237"/>
                  </a:lnTo>
                  <a:lnTo>
                    <a:pt x="736358" y="266237"/>
                  </a:lnTo>
                  <a:lnTo>
                    <a:pt x="714499" y="290471"/>
                  </a:lnTo>
                  <a:cubicBezTo>
                    <a:pt x="714499" y="290471"/>
                    <a:pt x="714499" y="290471"/>
                    <a:pt x="714499" y="290471"/>
                  </a:cubicBezTo>
                  <a:lnTo>
                    <a:pt x="710127" y="295318"/>
                  </a:lnTo>
                  <a:cubicBezTo>
                    <a:pt x="705375" y="300639"/>
                    <a:pt x="705375" y="308907"/>
                    <a:pt x="710698" y="313659"/>
                  </a:cubicBezTo>
                  <a:cubicBezTo>
                    <a:pt x="712503" y="315180"/>
                    <a:pt x="716495" y="317175"/>
                    <a:pt x="721722" y="319266"/>
                  </a:cubicBezTo>
                  <a:cubicBezTo>
                    <a:pt x="721722" y="319266"/>
                    <a:pt x="721722" y="319266"/>
                    <a:pt x="721722" y="319361"/>
                  </a:cubicBezTo>
                  <a:cubicBezTo>
                    <a:pt x="872360" y="383889"/>
                    <a:pt x="946301" y="556471"/>
                    <a:pt x="887091" y="710711"/>
                  </a:cubicBezTo>
                  <a:cubicBezTo>
                    <a:pt x="826456" y="868658"/>
                    <a:pt x="649207" y="947631"/>
                    <a:pt x="491251" y="886999"/>
                  </a:cubicBezTo>
                  <a:cubicBezTo>
                    <a:pt x="333295" y="826368"/>
                    <a:pt x="254317" y="649129"/>
                    <a:pt x="314952" y="491183"/>
                  </a:cubicBezTo>
                  <a:cubicBezTo>
                    <a:pt x="364658" y="361366"/>
                    <a:pt x="492962" y="285054"/>
                    <a:pt x="624782" y="295413"/>
                  </a:cubicBezTo>
                  <a:lnTo>
                    <a:pt x="624782" y="295318"/>
                  </a:lnTo>
                  <a:cubicBezTo>
                    <a:pt x="628773" y="295698"/>
                    <a:pt x="632860" y="294272"/>
                    <a:pt x="635711" y="291136"/>
                  </a:cubicBezTo>
                  <a:lnTo>
                    <a:pt x="837386" y="67236"/>
                  </a:lnTo>
                  <a:cubicBezTo>
                    <a:pt x="842138" y="61914"/>
                    <a:pt x="841757" y="53741"/>
                    <a:pt x="836435" y="48989"/>
                  </a:cubicBezTo>
                  <a:cubicBezTo>
                    <a:pt x="835295" y="47944"/>
                    <a:pt x="833964" y="47184"/>
                    <a:pt x="832539" y="46613"/>
                  </a:cubicBezTo>
                  <a:cubicBezTo>
                    <a:pt x="832539" y="46613"/>
                    <a:pt x="821799" y="42147"/>
                    <a:pt x="816382" y="40056"/>
                  </a:cubicBezTo>
                  <a:cubicBezTo>
                    <a:pt x="506552" y="-78831"/>
                    <a:pt x="159087" y="75884"/>
                    <a:pt x="40097" y="385600"/>
                  </a:cubicBezTo>
                  <a:cubicBezTo>
                    <a:pt x="-78892" y="695316"/>
                    <a:pt x="75927" y="1042855"/>
                    <a:pt x="385662" y="1161743"/>
                  </a:cubicBezTo>
                  <a:cubicBezTo>
                    <a:pt x="695491" y="1280630"/>
                    <a:pt x="1042957" y="1125915"/>
                    <a:pt x="1161946" y="816199"/>
                  </a:cubicBezTo>
                  <a:cubicBezTo>
                    <a:pt x="1267916" y="539935"/>
                    <a:pt x="1156244" y="233926"/>
                    <a:pt x="911232" y="86528"/>
                  </a:cubicBezTo>
                </a:path>
              </a:pathLst>
            </a:custGeom>
            <a:solidFill>
              <a:schemeClr val="tx1">
                <a:alpha val="20000"/>
              </a:schemeClr>
            </a:solidFill>
            <a:ln w="946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02B4E"/>
                </a:solidFill>
                <a:effectLst/>
                <a:uLnTx/>
                <a:uFillTx/>
                <a:latin typeface="Calibri" panose="020F0502020204030204"/>
                <a:ea typeface="+mn-ea"/>
                <a:cs typeface="+mn-cs"/>
              </a:endParaRPr>
            </a:p>
          </p:txBody>
        </p:sp>
        <p:sp>
          <p:nvSpPr>
            <p:cNvPr id="11" name="Oval 10">
              <a:extLst>
                <a:ext uri="{FF2B5EF4-FFF2-40B4-BE49-F238E27FC236}">
                  <a16:creationId xmlns:a16="http://schemas.microsoft.com/office/drawing/2014/main" id="{03D6E40A-4299-4475-A21F-10B297921B19}"/>
                </a:ext>
              </a:extLst>
            </p:cNvPr>
            <p:cNvSpPr/>
            <p:nvPr/>
          </p:nvSpPr>
          <p:spPr>
            <a:xfrm>
              <a:off x="2293864" y="1400033"/>
              <a:ext cx="1432010" cy="1432198"/>
            </a:xfrm>
            <a:prstGeom prst="ellipse">
              <a:avLst/>
            </a:prstGeom>
            <a:solidFill>
              <a:srgbClr val="FFCC3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000" u="none" strike="noStrike" kern="1200" cap="none" spc="0" normalizeH="0" baseline="0" noProof="0">
                  <a:ln>
                    <a:noFill/>
                  </a:ln>
                  <a:solidFill>
                    <a:srgbClr val="102B4E"/>
                  </a:solidFill>
                  <a:effectLst/>
                  <a:uLnTx/>
                  <a:uFillTx/>
                  <a:latin typeface="Open Sans" panose="020B0606030504020204" pitchFamily="34" charset="0"/>
                  <a:ea typeface="Open Sans" panose="020B0606030504020204" pitchFamily="34" charset="0"/>
                  <a:cs typeface="Open Sans" panose="020B0606030504020204" pitchFamily="34" charset="0"/>
                </a:rPr>
                <a:t>Apparel</a:t>
              </a:r>
            </a:p>
          </p:txBody>
        </p:sp>
        <p:sp>
          <p:nvSpPr>
            <p:cNvPr id="13" name="Graphic 5">
              <a:extLst>
                <a:ext uri="{FF2B5EF4-FFF2-40B4-BE49-F238E27FC236}">
                  <a16:creationId xmlns:a16="http://schemas.microsoft.com/office/drawing/2014/main" id="{67A0E7D1-E615-4304-9FDD-D7248047C2F6}"/>
                </a:ext>
              </a:extLst>
            </p:cNvPr>
            <p:cNvSpPr/>
            <p:nvPr/>
          </p:nvSpPr>
          <p:spPr>
            <a:xfrm>
              <a:off x="141518" y="2520541"/>
              <a:ext cx="1828800" cy="1828800"/>
            </a:xfrm>
            <a:custGeom>
              <a:avLst/>
              <a:gdLst>
                <a:gd name="connsiteX0" fmla="*/ 911232 w 1201955"/>
                <a:gd name="connsiteY0" fmla="*/ 86528 h 1201798"/>
                <a:gd name="connsiteX1" fmla="*/ 911232 w 1201955"/>
                <a:gd name="connsiteY1" fmla="*/ 86528 h 1201798"/>
                <a:gd name="connsiteX2" fmla="*/ 895550 w 1201955"/>
                <a:gd name="connsiteY2" fmla="*/ 89379 h 1201798"/>
                <a:gd name="connsiteX3" fmla="*/ 888897 w 1201955"/>
                <a:gd name="connsiteY3" fmla="*/ 96791 h 1201798"/>
                <a:gd name="connsiteX4" fmla="*/ 736358 w 1201955"/>
                <a:gd name="connsiteY4" fmla="*/ 266237 h 1201798"/>
                <a:gd name="connsiteX5" fmla="*/ 736358 w 1201955"/>
                <a:gd name="connsiteY5" fmla="*/ 266237 h 1201798"/>
                <a:gd name="connsiteX6" fmla="*/ 714499 w 1201955"/>
                <a:gd name="connsiteY6" fmla="*/ 290471 h 1201798"/>
                <a:gd name="connsiteX7" fmla="*/ 714499 w 1201955"/>
                <a:gd name="connsiteY7" fmla="*/ 290471 h 1201798"/>
                <a:gd name="connsiteX8" fmla="*/ 710127 w 1201955"/>
                <a:gd name="connsiteY8" fmla="*/ 295318 h 1201798"/>
                <a:gd name="connsiteX9" fmla="*/ 710698 w 1201955"/>
                <a:gd name="connsiteY9" fmla="*/ 313659 h 1201798"/>
                <a:gd name="connsiteX10" fmla="*/ 721722 w 1201955"/>
                <a:gd name="connsiteY10" fmla="*/ 319266 h 1201798"/>
                <a:gd name="connsiteX11" fmla="*/ 721722 w 1201955"/>
                <a:gd name="connsiteY11" fmla="*/ 319361 h 1201798"/>
                <a:gd name="connsiteX12" fmla="*/ 887091 w 1201955"/>
                <a:gd name="connsiteY12" fmla="*/ 710711 h 1201798"/>
                <a:gd name="connsiteX13" fmla="*/ 491251 w 1201955"/>
                <a:gd name="connsiteY13" fmla="*/ 886999 h 1201798"/>
                <a:gd name="connsiteX14" fmla="*/ 314952 w 1201955"/>
                <a:gd name="connsiteY14" fmla="*/ 491183 h 1201798"/>
                <a:gd name="connsiteX15" fmla="*/ 624782 w 1201955"/>
                <a:gd name="connsiteY15" fmla="*/ 295413 h 1201798"/>
                <a:gd name="connsiteX16" fmla="*/ 624782 w 1201955"/>
                <a:gd name="connsiteY16" fmla="*/ 295318 h 1201798"/>
                <a:gd name="connsiteX17" fmla="*/ 635711 w 1201955"/>
                <a:gd name="connsiteY17" fmla="*/ 291136 h 1201798"/>
                <a:gd name="connsiteX18" fmla="*/ 837386 w 1201955"/>
                <a:gd name="connsiteY18" fmla="*/ 67236 h 1201798"/>
                <a:gd name="connsiteX19" fmla="*/ 836435 w 1201955"/>
                <a:gd name="connsiteY19" fmla="*/ 48989 h 1201798"/>
                <a:gd name="connsiteX20" fmla="*/ 832539 w 1201955"/>
                <a:gd name="connsiteY20" fmla="*/ 46613 h 1201798"/>
                <a:gd name="connsiteX21" fmla="*/ 816382 w 1201955"/>
                <a:gd name="connsiteY21" fmla="*/ 40056 h 1201798"/>
                <a:gd name="connsiteX22" fmla="*/ 40097 w 1201955"/>
                <a:gd name="connsiteY22" fmla="*/ 385600 h 1201798"/>
                <a:gd name="connsiteX23" fmla="*/ 385662 w 1201955"/>
                <a:gd name="connsiteY23" fmla="*/ 1161743 h 1201798"/>
                <a:gd name="connsiteX24" fmla="*/ 1161946 w 1201955"/>
                <a:gd name="connsiteY24" fmla="*/ 816199 h 1201798"/>
                <a:gd name="connsiteX25" fmla="*/ 911232 w 1201955"/>
                <a:gd name="connsiteY25" fmla="*/ 86528 h 12017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201955" h="1201798">
                  <a:moveTo>
                    <a:pt x="911232" y="86528"/>
                  </a:moveTo>
                  <a:lnTo>
                    <a:pt x="911232" y="86528"/>
                  </a:lnTo>
                  <a:cubicBezTo>
                    <a:pt x="906099" y="83962"/>
                    <a:pt x="899637" y="84912"/>
                    <a:pt x="895550" y="89379"/>
                  </a:cubicBezTo>
                  <a:lnTo>
                    <a:pt x="888897" y="96791"/>
                  </a:lnTo>
                  <a:lnTo>
                    <a:pt x="736358" y="266237"/>
                  </a:lnTo>
                  <a:lnTo>
                    <a:pt x="736358" y="266237"/>
                  </a:lnTo>
                  <a:lnTo>
                    <a:pt x="714499" y="290471"/>
                  </a:lnTo>
                  <a:cubicBezTo>
                    <a:pt x="714499" y="290471"/>
                    <a:pt x="714499" y="290471"/>
                    <a:pt x="714499" y="290471"/>
                  </a:cubicBezTo>
                  <a:lnTo>
                    <a:pt x="710127" y="295318"/>
                  </a:lnTo>
                  <a:cubicBezTo>
                    <a:pt x="705375" y="300639"/>
                    <a:pt x="705375" y="308907"/>
                    <a:pt x="710698" y="313659"/>
                  </a:cubicBezTo>
                  <a:cubicBezTo>
                    <a:pt x="712503" y="315180"/>
                    <a:pt x="716495" y="317175"/>
                    <a:pt x="721722" y="319266"/>
                  </a:cubicBezTo>
                  <a:cubicBezTo>
                    <a:pt x="721722" y="319266"/>
                    <a:pt x="721722" y="319266"/>
                    <a:pt x="721722" y="319361"/>
                  </a:cubicBezTo>
                  <a:cubicBezTo>
                    <a:pt x="872360" y="383889"/>
                    <a:pt x="946301" y="556471"/>
                    <a:pt x="887091" y="710711"/>
                  </a:cubicBezTo>
                  <a:cubicBezTo>
                    <a:pt x="826456" y="868658"/>
                    <a:pt x="649207" y="947631"/>
                    <a:pt x="491251" y="886999"/>
                  </a:cubicBezTo>
                  <a:cubicBezTo>
                    <a:pt x="333295" y="826368"/>
                    <a:pt x="254317" y="649129"/>
                    <a:pt x="314952" y="491183"/>
                  </a:cubicBezTo>
                  <a:cubicBezTo>
                    <a:pt x="364658" y="361366"/>
                    <a:pt x="492962" y="285054"/>
                    <a:pt x="624782" y="295413"/>
                  </a:cubicBezTo>
                  <a:lnTo>
                    <a:pt x="624782" y="295318"/>
                  </a:lnTo>
                  <a:cubicBezTo>
                    <a:pt x="628773" y="295698"/>
                    <a:pt x="632860" y="294272"/>
                    <a:pt x="635711" y="291136"/>
                  </a:cubicBezTo>
                  <a:lnTo>
                    <a:pt x="837386" y="67236"/>
                  </a:lnTo>
                  <a:cubicBezTo>
                    <a:pt x="842138" y="61914"/>
                    <a:pt x="841757" y="53741"/>
                    <a:pt x="836435" y="48989"/>
                  </a:cubicBezTo>
                  <a:cubicBezTo>
                    <a:pt x="835295" y="47944"/>
                    <a:pt x="833964" y="47184"/>
                    <a:pt x="832539" y="46613"/>
                  </a:cubicBezTo>
                  <a:cubicBezTo>
                    <a:pt x="832539" y="46613"/>
                    <a:pt x="821799" y="42147"/>
                    <a:pt x="816382" y="40056"/>
                  </a:cubicBezTo>
                  <a:cubicBezTo>
                    <a:pt x="506552" y="-78831"/>
                    <a:pt x="159087" y="75884"/>
                    <a:pt x="40097" y="385600"/>
                  </a:cubicBezTo>
                  <a:cubicBezTo>
                    <a:pt x="-78892" y="695316"/>
                    <a:pt x="75927" y="1042855"/>
                    <a:pt x="385662" y="1161743"/>
                  </a:cubicBezTo>
                  <a:cubicBezTo>
                    <a:pt x="695491" y="1280630"/>
                    <a:pt x="1042957" y="1125915"/>
                    <a:pt x="1161946" y="816199"/>
                  </a:cubicBezTo>
                  <a:cubicBezTo>
                    <a:pt x="1267916" y="539935"/>
                    <a:pt x="1156244" y="233926"/>
                    <a:pt x="911232" y="86528"/>
                  </a:cubicBezTo>
                </a:path>
              </a:pathLst>
            </a:custGeom>
            <a:solidFill>
              <a:schemeClr val="tx1">
                <a:alpha val="20000"/>
              </a:schemeClr>
            </a:solidFill>
            <a:ln w="946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02B4E"/>
                </a:solidFill>
                <a:effectLst/>
                <a:uLnTx/>
                <a:uFillTx/>
                <a:latin typeface="Calibri" panose="020F0502020204030204"/>
                <a:ea typeface="+mn-ea"/>
                <a:cs typeface="+mn-cs"/>
              </a:endParaRPr>
            </a:p>
          </p:txBody>
        </p:sp>
        <p:sp>
          <p:nvSpPr>
            <p:cNvPr id="14" name="Oval 13">
              <a:extLst>
                <a:ext uri="{FF2B5EF4-FFF2-40B4-BE49-F238E27FC236}">
                  <a16:creationId xmlns:a16="http://schemas.microsoft.com/office/drawing/2014/main" id="{EA2947E3-3038-421A-B455-56E220D60CDC}"/>
                </a:ext>
              </a:extLst>
            </p:cNvPr>
            <p:cNvSpPr/>
            <p:nvPr/>
          </p:nvSpPr>
          <p:spPr>
            <a:xfrm>
              <a:off x="354773" y="2723437"/>
              <a:ext cx="1432241" cy="1432429"/>
            </a:xfrm>
            <a:prstGeom prst="ellipse">
              <a:avLst/>
            </a:prstGeom>
            <a:solidFill>
              <a:srgbClr val="0033C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00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rPr>
                <a:t>Signs and </a:t>
              </a:r>
              <a:r>
                <a:rPr lang="en-US" sz="1000">
                  <a:solidFill>
                    <a:srgbClr val="FFFFFF"/>
                  </a:solidFill>
                  <a:latin typeface="Open Sans" panose="020B0606030504020204" pitchFamily="34" charset="0"/>
                  <a:ea typeface="Open Sans" panose="020B0606030504020204" pitchFamily="34" charset="0"/>
                  <a:cs typeface="Open Sans" panose="020B0606030504020204" pitchFamily="34" charset="0"/>
                </a:rPr>
                <a:t>g</a:t>
              </a:r>
              <a:r>
                <a:rPr kumimoji="0" lang="en-US" sz="1000" u="none" strike="noStrike" kern="1200" cap="none" spc="0" normalizeH="0" baseline="0" noProof="0" err="1">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rPr>
                <a:t>raphics</a:t>
              </a:r>
              <a:endParaRPr kumimoji="0" lang="en-US" sz="100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5" name="Graphic 5">
              <a:extLst>
                <a:ext uri="{FF2B5EF4-FFF2-40B4-BE49-F238E27FC236}">
                  <a16:creationId xmlns:a16="http://schemas.microsoft.com/office/drawing/2014/main" id="{B210655C-9963-4457-BA10-9AC5004C3D9A}"/>
                </a:ext>
              </a:extLst>
            </p:cNvPr>
            <p:cNvSpPr/>
            <p:nvPr/>
          </p:nvSpPr>
          <p:spPr>
            <a:xfrm>
              <a:off x="3967883" y="2520541"/>
              <a:ext cx="1828800" cy="1828800"/>
            </a:xfrm>
            <a:custGeom>
              <a:avLst/>
              <a:gdLst>
                <a:gd name="connsiteX0" fmla="*/ 911232 w 1201955"/>
                <a:gd name="connsiteY0" fmla="*/ 86528 h 1201798"/>
                <a:gd name="connsiteX1" fmla="*/ 911232 w 1201955"/>
                <a:gd name="connsiteY1" fmla="*/ 86528 h 1201798"/>
                <a:gd name="connsiteX2" fmla="*/ 895550 w 1201955"/>
                <a:gd name="connsiteY2" fmla="*/ 89379 h 1201798"/>
                <a:gd name="connsiteX3" fmla="*/ 888897 w 1201955"/>
                <a:gd name="connsiteY3" fmla="*/ 96791 h 1201798"/>
                <a:gd name="connsiteX4" fmla="*/ 736358 w 1201955"/>
                <a:gd name="connsiteY4" fmla="*/ 266237 h 1201798"/>
                <a:gd name="connsiteX5" fmla="*/ 736358 w 1201955"/>
                <a:gd name="connsiteY5" fmla="*/ 266237 h 1201798"/>
                <a:gd name="connsiteX6" fmla="*/ 714499 w 1201955"/>
                <a:gd name="connsiteY6" fmla="*/ 290471 h 1201798"/>
                <a:gd name="connsiteX7" fmla="*/ 714499 w 1201955"/>
                <a:gd name="connsiteY7" fmla="*/ 290471 h 1201798"/>
                <a:gd name="connsiteX8" fmla="*/ 710127 w 1201955"/>
                <a:gd name="connsiteY8" fmla="*/ 295318 h 1201798"/>
                <a:gd name="connsiteX9" fmla="*/ 710698 w 1201955"/>
                <a:gd name="connsiteY9" fmla="*/ 313659 h 1201798"/>
                <a:gd name="connsiteX10" fmla="*/ 721722 w 1201955"/>
                <a:gd name="connsiteY10" fmla="*/ 319266 h 1201798"/>
                <a:gd name="connsiteX11" fmla="*/ 721722 w 1201955"/>
                <a:gd name="connsiteY11" fmla="*/ 319361 h 1201798"/>
                <a:gd name="connsiteX12" fmla="*/ 887091 w 1201955"/>
                <a:gd name="connsiteY12" fmla="*/ 710711 h 1201798"/>
                <a:gd name="connsiteX13" fmla="*/ 491251 w 1201955"/>
                <a:gd name="connsiteY13" fmla="*/ 886999 h 1201798"/>
                <a:gd name="connsiteX14" fmla="*/ 314952 w 1201955"/>
                <a:gd name="connsiteY14" fmla="*/ 491183 h 1201798"/>
                <a:gd name="connsiteX15" fmla="*/ 624782 w 1201955"/>
                <a:gd name="connsiteY15" fmla="*/ 295413 h 1201798"/>
                <a:gd name="connsiteX16" fmla="*/ 624782 w 1201955"/>
                <a:gd name="connsiteY16" fmla="*/ 295318 h 1201798"/>
                <a:gd name="connsiteX17" fmla="*/ 635711 w 1201955"/>
                <a:gd name="connsiteY17" fmla="*/ 291136 h 1201798"/>
                <a:gd name="connsiteX18" fmla="*/ 837386 w 1201955"/>
                <a:gd name="connsiteY18" fmla="*/ 67236 h 1201798"/>
                <a:gd name="connsiteX19" fmla="*/ 836435 w 1201955"/>
                <a:gd name="connsiteY19" fmla="*/ 48989 h 1201798"/>
                <a:gd name="connsiteX20" fmla="*/ 832539 w 1201955"/>
                <a:gd name="connsiteY20" fmla="*/ 46613 h 1201798"/>
                <a:gd name="connsiteX21" fmla="*/ 816382 w 1201955"/>
                <a:gd name="connsiteY21" fmla="*/ 40056 h 1201798"/>
                <a:gd name="connsiteX22" fmla="*/ 40097 w 1201955"/>
                <a:gd name="connsiteY22" fmla="*/ 385600 h 1201798"/>
                <a:gd name="connsiteX23" fmla="*/ 385662 w 1201955"/>
                <a:gd name="connsiteY23" fmla="*/ 1161743 h 1201798"/>
                <a:gd name="connsiteX24" fmla="*/ 1161946 w 1201955"/>
                <a:gd name="connsiteY24" fmla="*/ 816199 h 1201798"/>
                <a:gd name="connsiteX25" fmla="*/ 911232 w 1201955"/>
                <a:gd name="connsiteY25" fmla="*/ 86528 h 12017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201955" h="1201798">
                  <a:moveTo>
                    <a:pt x="911232" y="86528"/>
                  </a:moveTo>
                  <a:lnTo>
                    <a:pt x="911232" y="86528"/>
                  </a:lnTo>
                  <a:cubicBezTo>
                    <a:pt x="906099" y="83962"/>
                    <a:pt x="899637" y="84912"/>
                    <a:pt x="895550" y="89379"/>
                  </a:cubicBezTo>
                  <a:lnTo>
                    <a:pt x="888897" y="96791"/>
                  </a:lnTo>
                  <a:lnTo>
                    <a:pt x="736358" y="266237"/>
                  </a:lnTo>
                  <a:lnTo>
                    <a:pt x="736358" y="266237"/>
                  </a:lnTo>
                  <a:lnTo>
                    <a:pt x="714499" y="290471"/>
                  </a:lnTo>
                  <a:cubicBezTo>
                    <a:pt x="714499" y="290471"/>
                    <a:pt x="714499" y="290471"/>
                    <a:pt x="714499" y="290471"/>
                  </a:cubicBezTo>
                  <a:lnTo>
                    <a:pt x="710127" y="295318"/>
                  </a:lnTo>
                  <a:cubicBezTo>
                    <a:pt x="705375" y="300639"/>
                    <a:pt x="705375" y="308907"/>
                    <a:pt x="710698" y="313659"/>
                  </a:cubicBezTo>
                  <a:cubicBezTo>
                    <a:pt x="712503" y="315180"/>
                    <a:pt x="716495" y="317175"/>
                    <a:pt x="721722" y="319266"/>
                  </a:cubicBezTo>
                  <a:cubicBezTo>
                    <a:pt x="721722" y="319266"/>
                    <a:pt x="721722" y="319266"/>
                    <a:pt x="721722" y="319361"/>
                  </a:cubicBezTo>
                  <a:cubicBezTo>
                    <a:pt x="872360" y="383889"/>
                    <a:pt x="946301" y="556471"/>
                    <a:pt x="887091" y="710711"/>
                  </a:cubicBezTo>
                  <a:cubicBezTo>
                    <a:pt x="826456" y="868658"/>
                    <a:pt x="649207" y="947631"/>
                    <a:pt x="491251" y="886999"/>
                  </a:cubicBezTo>
                  <a:cubicBezTo>
                    <a:pt x="333295" y="826368"/>
                    <a:pt x="254317" y="649129"/>
                    <a:pt x="314952" y="491183"/>
                  </a:cubicBezTo>
                  <a:cubicBezTo>
                    <a:pt x="364658" y="361366"/>
                    <a:pt x="492962" y="285054"/>
                    <a:pt x="624782" y="295413"/>
                  </a:cubicBezTo>
                  <a:lnTo>
                    <a:pt x="624782" y="295318"/>
                  </a:lnTo>
                  <a:cubicBezTo>
                    <a:pt x="628773" y="295698"/>
                    <a:pt x="632860" y="294272"/>
                    <a:pt x="635711" y="291136"/>
                  </a:cubicBezTo>
                  <a:lnTo>
                    <a:pt x="837386" y="67236"/>
                  </a:lnTo>
                  <a:cubicBezTo>
                    <a:pt x="842138" y="61914"/>
                    <a:pt x="841757" y="53741"/>
                    <a:pt x="836435" y="48989"/>
                  </a:cubicBezTo>
                  <a:cubicBezTo>
                    <a:pt x="835295" y="47944"/>
                    <a:pt x="833964" y="47184"/>
                    <a:pt x="832539" y="46613"/>
                  </a:cubicBezTo>
                  <a:cubicBezTo>
                    <a:pt x="832539" y="46613"/>
                    <a:pt x="821799" y="42147"/>
                    <a:pt x="816382" y="40056"/>
                  </a:cubicBezTo>
                  <a:cubicBezTo>
                    <a:pt x="506552" y="-78831"/>
                    <a:pt x="159087" y="75884"/>
                    <a:pt x="40097" y="385600"/>
                  </a:cubicBezTo>
                  <a:cubicBezTo>
                    <a:pt x="-78892" y="695316"/>
                    <a:pt x="75927" y="1042855"/>
                    <a:pt x="385662" y="1161743"/>
                  </a:cubicBezTo>
                  <a:cubicBezTo>
                    <a:pt x="695491" y="1280630"/>
                    <a:pt x="1042957" y="1125915"/>
                    <a:pt x="1161946" y="816199"/>
                  </a:cubicBezTo>
                  <a:cubicBezTo>
                    <a:pt x="1267916" y="539935"/>
                    <a:pt x="1156244" y="233926"/>
                    <a:pt x="911232" y="86528"/>
                  </a:cubicBezTo>
                </a:path>
              </a:pathLst>
            </a:custGeom>
            <a:solidFill>
              <a:schemeClr val="tx1">
                <a:alpha val="20000"/>
              </a:schemeClr>
            </a:solidFill>
            <a:ln w="946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02B4E"/>
                </a:solidFill>
                <a:effectLst/>
                <a:uLnTx/>
                <a:uFillTx/>
                <a:latin typeface="Calibri" panose="020F0502020204030204"/>
                <a:ea typeface="+mn-ea"/>
                <a:cs typeface="+mn-cs"/>
              </a:endParaRPr>
            </a:p>
          </p:txBody>
        </p:sp>
        <p:sp>
          <p:nvSpPr>
            <p:cNvPr id="16" name="Oval 15">
              <a:extLst>
                <a:ext uri="{FF2B5EF4-FFF2-40B4-BE49-F238E27FC236}">
                  <a16:creationId xmlns:a16="http://schemas.microsoft.com/office/drawing/2014/main" id="{C47A72E5-1A9D-4E8C-B5D0-E2A63861B5AB}"/>
                </a:ext>
              </a:extLst>
            </p:cNvPr>
            <p:cNvSpPr/>
            <p:nvPr/>
          </p:nvSpPr>
          <p:spPr>
            <a:xfrm>
              <a:off x="4142664" y="2747784"/>
              <a:ext cx="1426685" cy="1426872"/>
            </a:xfrm>
            <a:prstGeom prst="ellipse">
              <a:avLst/>
            </a:prstGeom>
            <a:solidFill>
              <a:srgbClr val="EF3B24"/>
            </a:solidFill>
            <a:ln>
              <a:noFill/>
            </a:ln>
          </p:spPr>
          <p:style>
            <a:lnRef idx="2">
              <a:schemeClr val="accent1">
                <a:shade val="50000"/>
              </a:schemeClr>
            </a:lnRef>
            <a:fillRef idx="1">
              <a:schemeClr val="accent1"/>
            </a:fillRef>
            <a:effectRef idx="0">
              <a:schemeClr val="accent1"/>
            </a:effectRef>
            <a:fontRef idx="minor">
              <a:schemeClr val="lt1"/>
            </a:fontRef>
          </p:style>
          <p:txBody>
            <a:bodyPr lIns="9144" tIns="9144" rIns="9144" bIns="9144"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00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rPr>
                <a:t>Promotional products</a:t>
              </a:r>
            </a:p>
          </p:txBody>
        </p:sp>
        <p:sp>
          <p:nvSpPr>
            <p:cNvPr id="17" name="Graphic 5">
              <a:extLst>
                <a:ext uri="{FF2B5EF4-FFF2-40B4-BE49-F238E27FC236}">
                  <a16:creationId xmlns:a16="http://schemas.microsoft.com/office/drawing/2014/main" id="{BCE0FA21-ACD6-484E-B4DC-85E188D8C283}"/>
                </a:ext>
              </a:extLst>
            </p:cNvPr>
            <p:cNvSpPr/>
            <p:nvPr/>
          </p:nvSpPr>
          <p:spPr>
            <a:xfrm>
              <a:off x="967055" y="4539519"/>
              <a:ext cx="1828800" cy="1828800"/>
            </a:xfrm>
            <a:custGeom>
              <a:avLst/>
              <a:gdLst>
                <a:gd name="connsiteX0" fmla="*/ 911232 w 1201955"/>
                <a:gd name="connsiteY0" fmla="*/ 86528 h 1201798"/>
                <a:gd name="connsiteX1" fmla="*/ 911232 w 1201955"/>
                <a:gd name="connsiteY1" fmla="*/ 86528 h 1201798"/>
                <a:gd name="connsiteX2" fmla="*/ 895550 w 1201955"/>
                <a:gd name="connsiteY2" fmla="*/ 89379 h 1201798"/>
                <a:gd name="connsiteX3" fmla="*/ 888897 w 1201955"/>
                <a:gd name="connsiteY3" fmla="*/ 96791 h 1201798"/>
                <a:gd name="connsiteX4" fmla="*/ 736358 w 1201955"/>
                <a:gd name="connsiteY4" fmla="*/ 266237 h 1201798"/>
                <a:gd name="connsiteX5" fmla="*/ 736358 w 1201955"/>
                <a:gd name="connsiteY5" fmla="*/ 266237 h 1201798"/>
                <a:gd name="connsiteX6" fmla="*/ 714499 w 1201955"/>
                <a:gd name="connsiteY6" fmla="*/ 290471 h 1201798"/>
                <a:gd name="connsiteX7" fmla="*/ 714499 w 1201955"/>
                <a:gd name="connsiteY7" fmla="*/ 290471 h 1201798"/>
                <a:gd name="connsiteX8" fmla="*/ 710127 w 1201955"/>
                <a:gd name="connsiteY8" fmla="*/ 295318 h 1201798"/>
                <a:gd name="connsiteX9" fmla="*/ 710698 w 1201955"/>
                <a:gd name="connsiteY9" fmla="*/ 313659 h 1201798"/>
                <a:gd name="connsiteX10" fmla="*/ 721722 w 1201955"/>
                <a:gd name="connsiteY10" fmla="*/ 319266 h 1201798"/>
                <a:gd name="connsiteX11" fmla="*/ 721722 w 1201955"/>
                <a:gd name="connsiteY11" fmla="*/ 319361 h 1201798"/>
                <a:gd name="connsiteX12" fmla="*/ 887091 w 1201955"/>
                <a:gd name="connsiteY12" fmla="*/ 710711 h 1201798"/>
                <a:gd name="connsiteX13" fmla="*/ 491251 w 1201955"/>
                <a:gd name="connsiteY13" fmla="*/ 886999 h 1201798"/>
                <a:gd name="connsiteX14" fmla="*/ 314952 w 1201955"/>
                <a:gd name="connsiteY14" fmla="*/ 491183 h 1201798"/>
                <a:gd name="connsiteX15" fmla="*/ 624782 w 1201955"/>
                <a:gd name="connsiteY15" fmla="*/ 295413 h 1201798"/>
                <a:gd name="connsiteX16" fmla="*/ 624782 w 1201955"/>
                <a:gd name="connsiteY16" fmla="*/ 295318 h 1201798"/>
                <a:gd name="connsiteX17" fmla="*/ 635711 w 1201955"/>
                <a:gd name="connsiteY17" fmla="*/ 291136 h 1201798"/>
                <a:gd name="connsiteX18" fmla="*/ 837386 w 1201955"/>
                <a:gd name="connsiteY18" fmla="*/ 67236 h 1201798"/>
                <a:gd name="connsiteX19" fmla="*/ 836435 w 1201955"/>
                <a:gd name="connsiteY19" fmla="*/ 48989 h 1201798"/>
                <a:gd name="connsiteX20" fmla="*/ 832539 w 1201955"/>
                <a:gd name="connsiteY20" fmla="*/ 46613 h 1201798"/>
                <a:gd name="connsiteX21" fmla="*/ 816382 w 1201955"/>
                <a:gd name="connsiteY21" fmla="*/ 40056 h 1201798"/>
                <a:gd name="connsiteX22" fmla="*/ 40097 w 1201955"/>
                <a:gd name="connsiteY22" fmla="*/ 385600 h 1201798"/>
                <a:gd name="connsiteX23" fmla="*/ 385662 w 1201955"/>
                <a:gd name="connsiteY23" fmla="*/ 1161743 h 1201798"/>
                <a:gd name="connsiteX24" fmla="*/ 1161946 w 1201955"/>
                <a:gd name="connsiteY24" fmla="*/ 816199 h 1201798"/>
                <a:gd name="connsiteX25" fmla="*/ 911232 w 1201955"/>
                <a:gd name="connsiteY25" fmla="*/ 86528 h 12017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201955" h="1201798">
                  <a:moveTo>
                    <a:pt x="911232" y="86528"/>
                  </a:moveTo>
                  <a:lnTo>
                    <a:pt x="911232" y="86528"/>
                  </a:lnTo>
                  <a:cubicBezTo>
                    <a:pt x="906099" y="83962"/>
                    <a:pt x="899637" y="84912"/>
                    <a:pt x="895550" y="89379"/>
                  </a:cubicBezTo>
                  <a:lnTo>
                    <a:pt x="888897" y="96791"/>
                  </a:lnTo>
                  <a:lnTo>
                    <a:pt x="736358" y="266237"/>
                  </a:lnTo>
                  <a:lnTo>
                    <a:pt x="736358" y="266237"/>
                  </a:lnTo>
                  <a:lnTo>
                    <a:pt x="714499" y="290471"/>
                  </a:lnTo>
                  <a:cubicBezTo>
                    <a:pt x="714499" y="290471"/>
                    <a:pt x="714499" y="290471"/>
                    <a:pt x="714499" y="290471"/>
                  </a:cubicBezTo>
                  <a:lnTo>
                    <a:pt x="710127" y="295318"/>
                  </a:lnTo>
                  <a:cubicBezTo>
                    <a:pt x="705375" y="300639"/>
                    <a:pt x="705375" y="308907"/>
                    <a:pt x="710698" y="313659"/>
                  </a:cubicBezTo>
                  <a:cubicBezTo>
                    <a:pt x="712503" y="315180"/>
                    <a:pt x="716495" y="317175"/>
                    <a:pt x="721722" y="319266"/>
                  </a:cubicBezTo>
                  <a:cubicBezTo>
                    <a:pt x="721722" y="319266"/>
                    <a:pt x="721722" y="319266"/>
                    <a:pt x="721722" y="319361"/>
                  </a:cubicBezTo>
                  <a:cubicBezTo>
                    <a:pt x="872360" y="383889"/>
                    <a:pt x="946301" y="556471"/>
                    <a:pt x="887091" y="710711"/>
                  </a:cubicBezTo>
                  <a:cubicBezTo>
                    <a:pt x="826456" y="868658"/>
                    <a:pt x="649207" y="947631"/>
                    <a:pt x="491251" y="886999"/>
                  </a:cubicBezTo>
                  <a:cubicBezTo>
                    <a:pt x="333295" y="826368"/>
                    <a:pt x="254317" y="649129"/>
                    <a:pt x="314952" y="491183"/>
                  </a:cubicBezTo>
                  <a:cubicBezTo>
                    <a:pt x="364658" y="361366"/>
                    <a:pt x="492962" y="285054"/>
                    <a:pt x="624782" y="295413"/>
                  </a:cubicBezTo>
                  <a:lnTo>
                    <a:pt x="624782" y="295318"/>
                  </a:lnTo>
                  <a:cubicBezTo>
                    <a:pt x="628773" y="295698"/>
                    <a:pt x="632860" y="294272"/>
                    <a:pt x="635711" y="291136"/>
                  </a:cubicBezTo>
                  <a:lnTo>
                    <a:pt x="837386" y="67236"/>
                  </a:lnTo>
                  <a:cubicBezTo>
                    <a:pt x="842138" y="61914"/>
                    <a:pt x="841757" y="53741"/>
                    <a:pt x="836435" y="48989"/>
                  </a:cubicBezTo>
                  <a:cubicBezTo>
                    <a:pt x="835295" y="47944"/>
                    <a:pt x="833964" y="47184"/>
                    <a:pt x="832539" y="46613"/>
                  </a:cubicBezTo>
                  <a:cubicBezTo>
                    <a:pt x="832539" y="46613"/>
                    <a:pt x="821799" y="42147"/>
                    <a:pt x="816382" y="40056"/>
                  </a:cubicBezTo>
                  <a:cubicBezTo>
                    <a:pt x="506552" y="-78831"/>
                    <a:pt x="159087" y="75884"/>
                    <a:pt x="40097" y="385600"/>
                  </a:cubicBezTo>
                  <a:cubicBezTo>
                    <a:pt x="-78892" y="695316"/>
                    <a:pt x="75927" y="1042855"/>
                    <a:pt x="385662" y="1161743"/>
                  </a:cubicBezTo>
                  <a:cubicBezTo>
                    <a:pt x="695491" y="1280630"/>
                    <a:pt x="1042957" y="1125915"/>
                    <a:pt x="1161946" y="816199"/>
                  </a:cubicBezTo>
                  <a:cubicBezTo>
                    <a:pt x="1267916" y="539935"/>
                    <a:pt x="1156244" y="233926"/>
                    <a:pt x="911232" y="86528"/>
                  </a:cubicBezTo>
                </a:path>
              </a:pathLst>
            </a:custGeom>
            <a:solidFill>
              <a:schemeClr val="tx1">
                <a:alpha val="20000"/>
              </a:schemeClr>
            </a:solidFill>
            <a:ln w="946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600" b="0" i="0" u="none" strike="noStrike" kern="1200" cap="none" spc="0" normalizeH="0" baseline="0" noProof="0">
                <a:ln>
                  <a:noFill/>
                </a:ln>
                <a:solidFill>
                  <a:srgbClr val="102B4E"/>
                </a:solidFill>
                <a:effectLst/>
                <a:uLnTx/>
                <a:uFillTx/>
                <a:latin typeface="Calibri" panose="020F0502020204030204"/>
                <a:ea typeface="+mn-ea"/>
                <a:cs typeface="+mn-cs"/>
              </a:endParaRPr>
            </a:p>
          </p:txBody>
        </p:sp>
        <p:sp>
          <p:nvSpPr>
            <p:cNvPr id="18" name="Oval 17">
              <a:extLst>
                <a:ext uri="{FF2B5EF4-FFF2-40B4-BE49-F238E27FC236}">
                  <a16:creationId xmlns:a16="http://schemas.microsoft.com/office/drawing/2014/main" id="{881F3CF2-DB2F-4BD4-88A9-DC7EF8D1684C}"/>
                </a:ext>
              </a:extLst>
            </p:cNvPr>
            <p:cNvSpPr/>
            <p:nvPr/>
          </p:nvSpPr>
          <p:spPr>
            <a:xfrm>
              <a:off x="1179891" y="4647327"/>
              <a:ext cx="1493552" cy="1493748"/>
            </a:xfrm>
            <a:prstGeom prst="ellipse">
              <a:avLst/>
            </a:prstGeom>
            <a:solidFill>
              <a:srgbClr val="58595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br>
                <a:rPr kumimoji="0" lang="en-US" sz="100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rPr>
              </a:br>
              <a:r>
                <a:rPr kumimoji="0" lang="en-US" sz="100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rPr>
                <a:t>Commercial printing, brand </a:t>
              </a:r>
              <a:r>
                <a:rPr lang="en-US" sz="1000" err="1">
                  <a:solidFill>
                    <a:srgbClr val="FFFFFF"/>
                  </a:solidFill>
                  <a:latin typeface="Open Sans" panose="020B0606030504020204" pitchFamily="34" charset="0"/>
                  <a:ea typeface="Open Sans" panose="020B0606030504020204" pitchFamily="34" charset="0"/>
                  <a:cs typeface="Open Sans" panose="020B0606030504020204" pitchFamily="34" charset="0"/>
                </a:rPr>
                <a:t>i</a:t>
              </a:r>
              <a:r>
                <a:rPr kumimoji="0" lang="en-US" sz="1000" u="none" strike="noStrike" kern="1200" cap="none" spc="0" normalizeH="0" baseline="0" noProof="0" err="1">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rPr>
                <a:t>dentity</a:t>
              </a:r>
              <a:r>
                <a:rPr kumimoji="0" lang="en-US" sz="1000" u="none" strike="noStrike" kern="1200" cap="none" spc="0" normalizeH="0" baseline="0" noProof="0">
                  <a:ln>
                    <a:noFill/>
                  </a:ln>
                  <a:solidFill>
                    <a:srgbClr val="FFFFFF"/>
                  </a:solidFill>
                  <a:effectLst/>
                  <a:uLnTx/>
                  <a:uFillTx/>
                  <a:latin typeface="Open Sans" panose="020B0606030504020204" pitchFamily="34" charset="0"/>
                  <a:ea typeface="Open Sans" panose="020B0606030504020204" pitchFamily="34" charset="0"/>
                  <a:cs typeface="Open Sans" panose="020B0606030504020204" pitchFamily="34" charset="0"/>
                </a:rPr>
                <a:t>, direct mail, and labels</a:t>
              </a:r>
            </a:p>
          </p:txBody>
        </p:sp>
        <p:sp>
          <p:nvSpPr>
            <p:cNvPr id="19" name="Graphic 5">
              <a:extLst>
                <a:ext uri="{FF2B5EF4-FFF2-40B4-BE49-F238E27FC236}">
                  <a16:creationId xmlns:a16="http://schemas.microsoft.com/office/drawing/2014/main" id="{01988C68-AD05-4422-ACBE-42C4E09C8D51}"/>
                </a:ext>
              </a:extLst>
            </p:cNvPr>
            <p:cNvSpPr/>
            <p:nvPr/>
          </p:nvSpPr>
          <p:spPr>
            <a:xfrm>
              <a:off x="3228265" y="4539519"/>
              <a:ext cx="1828800" cy="1828800"/>
            </a:xfrm>
            <a:custGeom>
              <a:avLst/>
              <a:gdLst>
                <a:gd name="connsiteX0" fmla="*/ 911232 w 1201955"/>
                <a:gd name="connsiteY0" fmla="*/ 86528 h 1201798"/>
                <a:gd name="connsiteX1" fmla="*/ 911232 w 1201955"/>
                <a:gd name="connsiteY1" fmla="*/ 86528 h 1201798"/>
                <a:gd name="connsiteX2" fmla="*/ 895550 w 1201955"/>
                <a:gd name="connsiteY2" fmla="*/ 89379 h 1201798"/>
                <a:gd name="connsiteX3" fmla="*/ 888897 w 1201955"/>
                <a:gd name="connsiteY3" fmla="*/ 96791 h 1201798"/>
                <a:gd name="connsiteX4" fmla="*/ 736358 w 1201955"/>
                <a:gd name="connsiteY4" fmla="*/ 266237 h 1201798"/>
                <a:gd name="connsiteX5" fmla="*/ 736358 w 1201955"/>
                <a:gd name="connsiteY5" fmla="*/ 266237 h 1201798"/>
                <a:gd name="connsiteX6" fmla="*/ 714499 w 1201955"/>
                <a:gd name="connsiteY6" fmla="*/ 290471 h 1201798"/>
                <a:gd name="connsiteX7" fmla="*/ 714499 w 1201955"/>
                <a:gd name="connsiteY7" fmla="*/ 290471 h 1201798"/>
                <a:gd name="connsiteX8" fmla="*/ 710127 w 1201955"/>
                <a:gd name="connsiteY8" fmla="*/ 295318 h 1201798"/>
                <a:gd name="connsiteX9" fmla="*/ 710698 w 1201955"/>
                <a:gd name="connsiteY9" fmla="*/ 313659 h 1201798"/>
                <a:gd name="connsiteX10" fmla="*/ 721722 w 1201955"/>
                <a:gd name="connsiteY10" fmla="*/ 319266 h 1201798"/>
                <a:gd name="connsiteX11" fmla="*/ 721722 w 1201955"/>
                <a:gd name="connsiteY11" fmla="*/ 319361 h 1201798"/>
                <a:gd name="connsiteX12" fmla="*/ 887091 w 1201955"/>
                <a:gd name="connsiteY12" fmla="*/ 710711 h 1201798"/>
                <a:gd name="connsiteX13" fmla="*/ 491251 w 1201955"/>
                <a:gd name="connsiteY13" fmla="*/ 886999 h 1201798"/>
                <a:gd name="connsiteX14" fmla="*/ 314952 w 1201955"/>
                <a:gd name="connsiteY14" fmla="*/ 491183 h 1201798"/>
                <a:gd name="connsiteX15" fmla="*/ 624782 w 1201955"/>
                <a:gd name="connsiteY15" fmla="*/ 295413 h 1201798"/>
                <a:gd name="connsiteX16" fmla="*/ 624782 w 1201955"/>
                <a:gd name="connsiteY16" fmla="*/ 295318 h 1201798"/>
                <a:gd name="connsiteX17" fmla="*/ 635711 w 1201955"/>
                <a:gd name="connsiteY17" fmla="*/ 291136 h 1201798"/>
                <a:gd name="connsiteX18" fmla="*/ 837386 w 1201955"/>
                <a:gd name="connsiteY18" fmla="*/ 67236 h 1201798"/>
                <a:gd name="connsiteX19" fmla="*/ 836435 w 1201955"/>
                <a:gd name="connsiteY19" fmla="*/ 48989 h 1201798"/>
                <a:gd name="connsiteX20" fmla="*/ 832539 w 1201955"/>
                <a:gd name="connsiteY20" fmla="*/ 46613 h 1201798"/>
                <a:gd name="connsiteX21" fmla="*/ 816382 w 1201955"/>
                <a:gd name="connsiteY21" fmla="*/ 40056 h 1201798"/>
                <a:gd name="connsiteX22" fmla="*/ 40097 w 1201955"/>
                <a:gd name="connsiteY22" fmla="*/ 385600 h 1201798"/>
                <a:gd name="connsiteX23" fmla="*/ 385662 w 1201955"/>
                <a:gd name="connsiteY23" fmla="*/ 1161743 h 1201798"/>
                <a:gd name="connsiteX24" fmla="*/ 1161946 w 1201955"/>
                <a:gd name="connsiteY24" fmla="*/ 816199 h 1201798"/>
                <a:gd name="connsiteX25" fmla="*/ 911232 w 1201955"/>
                <a:gd name="connsiteY25" fmla="*/ 86528 h 12017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201955" h="1201798">
                  <a:moveTo>
                    <a:pt x="911232" y="86528"/>
                  </a:moveTo>
                  <a:lnTo>
                    <a:pt x="911232" y="86528"/>
                  </a:lnTo>
                  <a:cubicBezTo>
                    <a:pt x="906099" y="83962"/>
                    <a:pt x="899637" y="84912"/>
                    <a:pt x="895550" y="89379"/>
                  </a:cubicBezTo>
                  <a:lnTo>
                    <a:pt x="888897" y="96791"/>
                  </a:lnTo>
                  <a:lnTo>
                    <a:pt x="736358" y="266237"/>
                  </a:lnTo>
                  <a:lnTo>
                    <a:pt x="736358" y="266237"/>
                  </a:lnTo>
                  <a:lnTo>
                    <a:pt x="714499" y="290471"/>
                  </a:lnTo>
                  <a:cubicBezTo>
                    <a:pt x="714499" y="290471"/>
                    <a:pt x="714499" y="290471"/>
                    <a:pt x="714499" y="290471"/>
                  </a:cubicBezTo>
                  <a:lnTo>
                    <a:pt x="710127" y="295318"/>
                  </a:lnTo>
                  <a:cubicBezTo>
                    <a:pt x="705375" y="300639"/>
                    <a:pt x="705375" y="308907"/>
                    <a:pt x="710698" y="313659"/>
                  </a:cubicBezTo>
                  <a:cubicBezTo>
                    <a:pt x="712503" y="315180"/>
                    <a:pt x="716495" y="317175"/>
                    <a:pt x="721722" y="319266"/>
                  </a:cubicBezTo>
                  <a:cubicBezTo>
                    <a:pt x="721722" y="319266"/>
                    <a:pt x="721722" y="319266"/>
                    <a:pt x="721722" y="319361"/>
                  </a:cubicBezTo>
                  <a:cubicBezTo>
                    <a:pt x="872360" y="383889"/>
                    <a:pt x="946301" y="556471"/>
                    <a:pt x="887091" y="710711"/>
                  </a:cubicBezTo>
                  <a:cubicBezTo>
                    <a:pt x="826456" y="868658"/>
                    <a:pt x="649207" y="947631"/>
                    <a:pt x="491251" y="886999"/>
                  </a:cubicBezTo>
                  <a:cubicBezTo>
                    <a:pt x="333295" y="826368"/>
                    <a:pt x="254317" y="649129"/>
                    <a:pt x="314952" y="491183"/>
                  </a:cubicBezTo>
                  <a:cubicBezTo>
                    <a:pt x="364658" y="361366"/>
                    <a:pt x="492962" y="285054"/>
                    <a:pt x="624782" y="295413"/>
                  </a:cubicBezTo>
                  <a:lnTo>
                    <a:pt x="624782" y="295318"/>
                  </a:lnTo>
                  <a:cubicBezTo>
                    <a:pt x="628773" y="295698"/>
                    <a:pt x="632860" y="294272"/>
                    <a:pt x="635711" y="291136"/>
                  </a:cubicBezTo>
                  <a:lnTo>
                    <a:pt x="837386" y="67236"/>
                  </a:lnTo>
                  <a:cubicBezTo>
                    <a:pt x="842138" y="61914"/>
                    <a:pt x="841757" y="53741"/>
                    <a:pt x="836435" y="48989"/>
                  </a:cubicBezTo>
                  <a:cubicBezTo>
                    <a:pt x="835295" y="47944"/>
                    <a:pt x="833964" y="47184"/>
                    <a:pt x="832539" y="46613"/>
                  </a:cubicBezTo>
                  <a:cubicBezTo>
                    <a:pt x="832539" y="46613"/>
                    <a:pt x="821799" y="42147"/>
                    <a:pt x="816382" y="40056"/>
                  </a:cubicBezTo>
                  <a:cubicBezTo>
                    <a:pt x="506552" y="-78831"/>
                    <a:pt x="159087" y="75884"/>
                    <a:pt x="40097" y="385600"/>
                  </a:cubicBezTo>
                  <a:cubicBezTo>
                    <a:pt x="-78892" y="695316"/>
                    <a:pt x="75927" y="1042855"/>
                    <a:pt x="385662" y="1161743"/>
                  </a:cubicBezTo>
                  <a:cubicBezTo>
                    <a:pt x="695491" y="1280630"/>
                    <a:pt x="1042957" y="1125915"/>
                    <a:pt x="1161946" y="816199"/>
                  </a:cubicBezTo>
                  <a:cubicBezTo>
                    <a:pt x="1267916" y="539935"/>
                    <a:pt x="1156244" y="233926"/>
                    <a:pt x="911232" y="86528"/>
                  </a:cubicBezTo>
                </a:path>
              </a:pathLst>
            </a:custGeom>
            <a:solidFill>
              <a:schemeClr val="tx1">
                <a:alpha val="20000"/>
              </a:schemeClr>
            </a:solidFill>
            <a:ln w="946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02B4E"/>
                </a:solidFill>
                <a:effectLst/>
                <a:uLnTx/>
                <a:uFillTx/>
                <a:latin typeface="Calibri" panose="020F0502020204030204"/>
                <a:ea typeface="+mn-ea"/>
                <a:cs typeface="+mn-cs"/>
              </a:endParaRPr>
            </a:p>
          </p:txBody>
        </p:sp>
        <p:sp>
          <p:nvSpPr>
            <p:cNvPr id="20" name="Oval 19">
              <a:extLst>
                <a:ext uri="{FF2B5EF4-FFF2-40B4-BE49-F238E27FC236}">
                  <a16:creationId xmlns:a16="http://schemas.microsoft.com/office/drawing/2014/main" id="{7BC7FCA7-BA0D-4AAB-9178-9DF7EB04BB33}"/>
                </a:ext>
              </a:extLst>
            </p:cNvPr>
            <p:cNvSpPr/>
            <p:nvPr/>
          </p:nvSpPr>
          <p:spPr>
            <a:xfrm>
              <a:off x="3356301" y="4667452"/>
              <a:ext cx="1473431" cy="1473623"/>
            </a:xfrm>
            <a:prstGeom prst="ellipse">
              <a:avLst/>
            </a:prstGeom>
            <a:solidFill>
              <a:srgbClr val="20C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000" u="none" strike="noStrike" kern="1200" cap="none" spc="0" normalizeH="0" baseline="0" noProof="0">
                  <a:ln>
                    <a:noFill/>
                  </a:ln>
                  <a:solidFill>
                    <a:srgbClr val="102B4E"/>
                  </a:solidFill>
                  <a:effectLst/>
                  <a:uLnTx/>
                  <a:uFillTx/>
                  <a:latin typeface="Open Sans" panose="020B0606030504020204" pitchFamily="34" charset="0"/>
                  <a:ea typeface="Open Sans" panose="020B0606030504020204" pitchFamily="34" charset="0"/>
                  <a:cs typeface="Open Sans" panose="020B0606030504020204" pitchFamily="34" charset="0"/>
                </a:rPr>
                <a:t>Digital</a:t>
              </a:r>
              <a:br>
                <a:rPr kumimoji="0" lang="en-US" sz="1000" u="none" strike="noStrike" kern="1200" cap="none" spc="0" normalizeH="0" baseline="0" noProof="0">
                  <a:ln>
                    <a:noFill/>
                  </a:ln>
                  <a:solidFill>
                    <a:srgbClr val="102B4E"/>
                  </a:solidFill>
                  <a:effectLst/>
                  <a:uLnTx/>
                  <a:uFillTx/>
                  <a:latin typeface="Open Sans" panose="020B0606030504020204" pitchFamily="34" charset="0"/>
                  <a:ea typeface="Open Sans" panose="020B0606030504020204" pitchFamily="34" charset="0"/>
                  <a:cs typeface="Open Sans" panose="020B0606030504020204" pitchFamily="34" charset="0"/>
                </a:rPr>
              </a:br>
              <a:r>
                <a:rPr kumimoji="0" lang="en-US" sz="1000" u="none" strike="noStrike" kern="1200" cap="none" spc="0" normalizeH="0" baseline="0" noProof="0">
                  <a:ln>
                    <a:noFill/>
                  </a:ln>
                  <a:solidFill>
                    <a:srgbClr val="102B4E"/>
                  </a:solidFill>
                  <a:effectLst/>
                  <a:uLnTx/>
                  <a:uFillTx/>
                  <a:latin typeface="Open Sans" panose="020B0606030504020204" pitchFamily="34" charset="0"/>
                  <a:ea typeface="Open Sans" panose="020B0606030504020204" pitchFamily="34" charset="0"/>
                  <a:cs typeface="Open Sans" panose="020B0606030504020204" pitchFamily="34" charset="0"/>
                </a:rPr>
                <a:t>document</a:t>
              </a:r>
              <a:br>
                <a:rPr kumimoji="0" lang="en-US" sz="1000" u="none" strike="noStrike" kern="1200" cap="none" spc="0" normalizeH="0" baseline="0" noProof="0">
                  <a:ln>
                    <a:noFill/>
                  </a:ln>
                  <a:solidFill>
                    <a:srgbClr val="102B4E"/>
                  </a:solidFill>
                  <a:effectLst/>
                  <a:uLnTx/>
                  <a:uFillTx/>
                  <a:latin typeface="Open Sans" panose="020B0606030504020204" pitchFamily="34" charset="0"/>
                  <a:ea typeface="Open Sans" panose="020B0606030504020204" pitchFamily="34" charset="0"/>
                  <a:cs typeface="Open Sans" panose="020B0606030504020204" pitchFamily="34" charset="0"/>
                </a:rPr>
              </a:br>
              <a:r>
                <a:rPr kumimoji="0" lang="en-US" sz="1000" u="none" strike="noStrike" kern="1200" cap="none" spc="0" normalizeH="0" baseline="0" noProof="0">
                  <a:ln>
                    <a:noFill/>
                  </a:ln>
                  <a:solidFill>
                    <a:srgbClr val="102B4E"/>
                  </a:solidFill>
                  <a:effectLst/>
                  <a:uLnTx/>
                  <a:uFillTx/>
                  <a:latin typeface="Open Sans" panose="020B0606030504020204" pitchFamily="34" charset="0"/>
                  <a:ea typeface="Open Sans" panose="020B0606030504020204" pitchFamily="34" charset="0"/>
                  <a:cs typeface="Open Sans" panose="020B0606030504020204" pitchFamily="34" charset="0"/>
                </a:rPr>
                <a:t>services</a:t>
              </a:r>
            </a:p>
          </p:txBody>
        </p:sp>
      </p:grpSp>
      <p:pic>
        <p:nvPicPr>
          <p:cNvPr id="7" name="Picture 6" descr="Logo&#10;&#10;Description automatically generated">
            <a:extLst>
              <a:ext uri="{FF2B5EF4-FFF2-40B4-BE49-F238E27FC236}">
                <a16:creationId xmlns:a16="http://schemas.microsoft.com/office/drawing/2014/main" id="{D548082E-B7DF-404E-B366-2129AE82F6AF}"/>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2340502" y="3302618"/>
            <a:ext cx="1902747" cy="557862"/>
          </a:xfrm>
          <a:prstGeom prst="rect">
            <a:avLst/>
          </a:prstGeom>
        </p:spPr>
      </p:pic>
      <p:sp>
        <p:nvSpPr>
          <p:cNvPr id="8" name="TextBox 7">
            <a:extLst>
              <a:ext uri="{FF2B5EF4-FFF2-40B4-BE49-F238E27FC236}">
                <a16:creationId xmlns:a16="http://schemas.microsoft.com/office/drawing/2014/main" id="{9E355456-E99A-4715-803D-B74A91D2A01C}"/>
              </a:ext>
            </a:extLst>
          </p:cNvPr>
          <p:cNvSpPr txBox="1"/>
          <p:nvPr/>
        </p:nvSpPr>
        <p:spPr>
          <a:xfrm>
            <a:off x="2303876" y="3977310"/>
            <a:ext cx="1991379" cy="338554"/>
          </a:xfrm>
          <a:prstGeom prst="rect">
            <a:avLst/>
          </a:prstGeom>
          <a:noFill/>
        </p:spPr>
        <p:txBody>
          <a:bodyPr wrap="non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a:ln>
                  <a:noFill/>
                </a:ln>
                <a:solidFill>
                  <a:srgbClr val="FFCC32"/>
                </a:solidFill>
                <a:effectLst/>
                <a:uLnTx/>
                <a:uFillTx/>
                <a:latin typeface="Calibri" panose="020F0502020204030204"/>
                <a:ea typeface="+mn-ea"/>
                <a:cs typeface="+mn-cs"/>
              </a:rPr>
              <a:t>eCommerce Platform</a:t>
            </a:r>
          </a:p>
        </p:txBody>
      </p:sp>
    </p:spTree>
    <p:custDataLst>
      <p:custData r:id="rId1"/>
      <p:custData r:id="rId2"/>
    </p:custDataLst>
    <p:extLst>
      <p:ext uri="{BB962C8B-B14F-4D97-AF65-F5344CB8AC3E}">
        <p14:creationId xmlns:p14="http://schemas.microsoft.com/office/powerpoint/2010/main" val="60456513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3A31F7FC-C078-1DCB-90F9-12FD556E4D72}"/>
              </a:ext>
            </a:extLst>
          </p:cNvPr>
          <p:cNvSpPr/>
          <p:nvPr/>
        </p:nvSpPr>
        <p:spPr>
          <a:xfrm>
            <a:off x="6109636" y="0"/>
            <a:ext cx="6096000" cy="685800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5EB7B7C-EA4E-4349-8378-D541C6BC9C48}"/>
              </a:ext>
            </a:extLst>
          </p:cNvPr>
          <p:cNvSpPr>
            <a:spLocks noGrp="1"/>
          </p:cNvSpPr>
          <p:nvPr>
            <p:ph type="title"/>
          </p:nvPr>
        </p:nvSpPr>
        <p:spPr>
          <a:xfrm>
            <a:off x="6124073" y="279959"/>
            <a:ext cx="6067927" cy="914663"/>
          </a:xfrm>
        </p:spPr>
        <p:txBody>
          <a:bodyPr>
            <a:normAutofit/>
          </a:bodyPr>
          <a:lstStyle/>
          <a:p>
            <a:pPr algn="ctr"/>
            <a:r>
              <a:rPr lang="en-US" sz="1800">
                <a:solidFill>
                  <a:schemeClr val="bg1"/>
                </a:solidFill>
              </a:rPr>
              <a:t>Brand management eCommerce platform</a:t>
            </a:r>
          </a:p>
        </p:txBody>
      </p:sp>
      <p:sp>
        <p:nvSpPr>
          <p:cNvPr id="3" name="Content Placeholder 2">
            <a:extLst>
              <a:ext uri="{FF2B5EF4-FFF2-40B4-BE49-F238E27FC236}">
                <a16:creationId xmlns:a16="http://schemas.microsoft.com/office/drawing/2014/main" id="{2D9D9DA2-2F99-B24B-BAA4-4B4B3600AB11}"/>
              </a:ext>
            </a:extLst>
          </p:cNvPr>
          <p:cNvSpPr>
            <a:spLocks noGrp="1"/>
          </p:cNvSpPr>
          <p:nvPr>
            <p:ph idx="4294967295"/>
          </p:nvPr>
        </p:nvSpPr>
        <p:spPr/>
        <p:txBody>
          <a:bodyPr>
            <a:normAutofit/>
          </a:bodyPr>
          <a:lstStyle/>
          <a:p>
            <a:pPr marL="285750" indent="-285750">
              <a:spcBef>
                <a:spcPts val="0"/>
              </a:spcBef>
              <a:spcAft>
                <a:spcPts val="400"/>
              </a:spcAft>
              <a:buFont typeface="Arial" panose="020B0604020202020204" pitchFamily="34" charset="0"/>
              <a:buChar char="•"/>
            </a:pPr>
            <a:r>
              <a:rPr lang="en-US" sz="1600"/>
              <a:t>Access to inventory and on-demand printed products</a:t>
            </a:r>
          </a:p>
          <a:p>
            <a:pPr marL="285750" indent="-285750">
              <a:spcBef>
                <a:spcPts val="0"/>
              </a:spcBef>
              <a:spcAft>
                <a:spcPts val="400"/>
              </a:spcAft>
              <a:buFont typeface="Arial" panose="020B0604020202020204" pitchFamily="34" charset="0"/>
              <a:buChar char="•"/>
            </a:pPr>
            <a:r>
              <a:rPr lang="en-US" sz="1600"/>
              <a:t>Third-party vendor integration (3PV)</a:t>
            </a:r>
          </a:p>
          <a:p>
            <a:pPr marL="285750" indent="-285750">
              <a:spcBef>
                <a:spcPts val="0"/>
              </a:spcBef>
              <a:spcAft>
                <a:spcPts val="400"/>
              </a:spcAft>
              <a:buFont typeface="Arial" panose="020B0604020202020204" pitchFamily="34" charset="0"/>
              <a:buChar char="•"/>
            </a:pPr>
            <a:r>
              <a:rPr lang="en-US" sz="1600"/>
              <a:t>Brand identity products</a:t>
            </a:r>
          </a:p>
          <a:p>
            <a:pPr marL="285750" indent="-285750">
              <a:spcBef>
                <a:spcPts val="0"/>
              </a:spcBef>
              <a:spcAft>
                <a:spcPts val="400"/>
              </a:spcAft>
              <a:buFont typeface="Arial" panose="020B0604020202020204" pitchFamily="34" charset="0"/>
              <a:buChar char="•"/>
            </a:pPr>
            <a:r>
              <a:rPr lang="en-US" sz="1600"/>
              <a:t>Signage</a:t>
            </a:r>
          </a:p>
          <a:p>
            <a:pPr marL="285750" indent="-285750">
              <a:spcBef>
                <a:spcPts val="0"/>
              </a:spcBef>
              <a:spcAft>
                <a:spcPts val="400"/>
              </a:spcAft>
              <a:buFont typeface="Arial" panose="020B0604020202020204" pitchFamily="34" charset="0"/>
              <a:buChar char="•"/>
            </a:pPr>
            <a:r>
              <a:rPr lang="en-US" sz="1600"/>
              <a:t>Apparel products </a:t>
            </a:r>
          </a:p>
          <a:p>
            <a:pPr marL="285750" indent="-285750">
              <a:spcBef>
                <a:spcPts val="0"/>
              </a:spcBef>
              <a:spcAft>
                <a:spcPts val="400"/>
              </a:spcAft>
              <a:buFont typeface="Arial" panose="020B0604020202020204" pitchFamily="34" charset="0"/>
              <a:buChar char="•"/>
            </a:pPr>
            <a:r>
              <a:rPr lang="en-US" sz="1600"/>
              <a:t>Promotional products</a:t>
            </a:r>
          </a:p>
        </p:txBody>
      </p:sp>
      <p:sp>
        <p:nvSpPr>
          <p:cNvPr id="10" name="Title 1">
            <a:extLst>
              <a:ext uri="{FF2B5EF4-FFF2-40B4-BE49-F238E27FC236}">
                <a16:creationId xmlns:a16="http://schemas.microsoft.com/office/drawing/2014/main" id="{93DBF9F6-9995-C744-9C8C-E78D4DE46A66}"/>
              </a:ext>
            </a:extLst>
          </p:cNvPr>
          <p:cNvSpPr txBox="1">
            <a:spLocks/>
          </p:cNvSpPr>
          <p:nvPr/>
        </p:nvSpPr>
        <p:spPr>
          <a:xfrm>
            <a:off x="477520" y="365125"/>
            <a:ext cx="4805680" cy="1038071"/>
          </a:xfrm>
          <a:prstGeom prst="rect">
            <a:avLst/>
          </a:prstGeom>
          <a:noFill/>
          <a:ln>
            <a:noFill/>
          </a:ln>
        </p:spPr>
        <p:txBody>
          <a:bodyPr vert="horz" wrap="square" lIns="91440" tIns="45720" rIns="91440" bIns="45720" anchor="ctr" anchorCtr="0" compatLnSpc="1">
            <a:normAutofit/>
          </a:bodyPr>
          <a:lstStyle>
            <a:lvl1pPr marL="0" marR="0" lvl="0" indent="0" algn="l" defTabSz="914400" rtl="0" fontAlgn="auto" hangingPunct="1">
              <a:lnSpc>
                <a:spcPct val="90000"/>
              </a:lnSpc>
              <a:spcBef>
                <a:spcPts val="0"/>
              </a:spcBef>
              <a:spcAft>
                <a:spcPts val="0"/>
              </a:spcAft>
              <a:buNone/>
              <a:tabLst/>
              <a:defRPr lang="en-US" sz="3200" b="1" i="0" u="none" strike="noStrike" kern="1200" cap="none" spc="0" baseline="0">
                <a:solidFill>
                  <a:srgbClr val="102B4E"/>
                </a:solidFill>
                <a:uFillTx/>
                <a:latin typeface="Open Sans" pitchFamily="34"/>
                <a:ea typeface="Open Sans" pitchFamily="34"/>
                <a:cs typeface="Open Sans" pitchFamily="34"/>
              </a:defRPr>
            </a:lvl1pPr>
          </a:lstStyle>
          <a:p>
            <a:r>
              <a:rPr lang="en-US"/>
              <a:t>Print, promo, and </a:t>
            </a:r>
          </a:p>
          <a:p>
            <a:r>
              <a:rPr lang="en-US"/>
              <a:t>apparel, continued</a:t>
            </a:r>
          </a:p>
        </p:txBody>
      </p:sp>
      <p:grpSp>
        <p:nvGrpSpPr>
          <p:cNvPr id="13" name="Group 12">
            <a:extLst>
              <a:ext uri="{FF2B5EF4-FFF2-40B4-BE49-F238E27FC236}">
                <a16:creationId xmlns:a16="http://schemas.microsoft.com/office/drawing/2014/main" id="{1B461AD9-EC3D-121B-FD7E-12C5D862BC5C}"/>
              </a:ext>
            </a:extLst>
          </p:cNvPr>
          <p:cNvGrpSpPr/>
          <p:nvPr/>
        </p:nvGrpSpPr>
        <p:grpSpPr>
          <a:xfrm>
            <a:off x="6111236" y="1194623"/>
            <a:ext cx="6082359" cy="4336934"/>
            <a:chOff x="6111236" y="1194622"/>
            <a:chExt cx="6267232" cy="4468755"/>
          </a:xfrm>
        </p:grpSpPr>
        <p:pic>
          <p:nvPicPr>
            <p:cNvPr id="7" name="Picture 6">
              <a:extLst>
                <a:ext uri="{FF2B5EF4-FFF2-40B4-BE49-F238E27FC236}">
                  <a16:creationId xmlns:a16="http://schemas.microsoft.com/office/drawing/2014/main" id="{C21FF2A6-9720-480B-A448-A57645268E62}"/>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111237" y="1194622"/>
              <a:ext cx="6267231" cy="4468755"/>
            </a:xfrm>
            <a:prstGeom prst="rect">
              <a:avLst/>
            </a:prstGeom>
          </p:spPr>
        </p:pic>
        <p:sp>
          <p:nvSpPr>
            <p:cNvPr id="6" name="TextBox 5">
              <a:extLst>
                <a:ext uri="{FF2B5EF4-FFF2-40B4-BE49-F238E27FC236}">
                  <a16:creationId xmlns:a16="http://schemas.microsoft.com/office/drawing/2014/main" id="{95B72BDD-3B0A-5EE5-DD16-7BFF3AC4F2A3}"/>
                </a:ext>
              </a:extLst>
            </p:cNvPr>
            <p:cNvSpPr txBox="1"/>
            <p:nvPr/>
          </p:nvSpPr>
          <p:spPr>
            <a:xfrm>
              <a:off x="6111236" y="1651387"/>
              <a:ext cx="6267231" cy="1015663"/>
            </a:xfrm>
            <a:prstGeom prst="rect">
              <a:avLst/>
            </a:prstGeom>
            <a:solidFill>
              <a:schemeClr val="accent2"/>
            </a:solidFill>
          </p:spPr>
          <p:txBody>
            <a:bodyPr wrap="square" tIns="137160" bIns="137160" rtlCol="0">
              <a:spAutoFit/>
            </a:bodyPr>
            <a:lstStyle/>
            <a:p>
              <a:pPr algn="ctr"/>
              <a:r>
                <a:rPr lang="en-US" sz="2400" b="1">
                  <a:latin typeface="Open Sans" panose="020B0606030504020204" pitchFamily="34" charset="0"/>
                  <a:ea typeface="Open Sans" panose="020B0606030504020204" pitchFamily="34" charset="0"/>
                  <a:cs typeface="Open Sans" panose="020B0606030504020204" pitchFamily="34" charset="0"/>
                </a:rPr>
                <a:t>WE ARE AN INNOVATIVE</a:t>
              </a:r>
              <a:br>
                <a:rPr lang="en-US" sz="2400" b="1">
                  <a:latin typeface="Open Sans" panose="020B0606030504020204" pitchFamily="34" charset="0"/>
                  <a:ea typeface="Open Sans" panose="020B0606030504020204" pitchFamily="34" charset="0"/>
                  <a:cs typeface="Open Sans" panose="020B0606030504020204" pitchFamily="34" charset="0"/>
                </a:rPr>
              </a:br>
              <a:r>
                <a:rPr lang="en-US" sz="2400" b="1">
                  <a:latin typeface="Open Sans" panose="020B0606030504020204" pitchFamily="34" charset="0"/>
                  <a:ea typeface="Open Sans" panose="020B0606030504020204" pitchFamily="34" charset="0"/>
                  <a:cs typeface="Open Sans" panose="020B0606030504020204" pitchFamily="34" charset="0"/>
                </a:rPr>
                <a:t>E-COMMERCE SOLUTION</a:t>
              </a:r>
            </a:p>
          </p:txBody>
        </p:sp>
      </p:grpSp>
      <p:pic>
        <p:nvPicPr>
          <p:cNvPr id="12" name="Picture 15">
            <a:extLst>
              <a:ext uri="{FF2B5EF4-FFF2-40B4-BE49-F238E27FC236}">
                <a16:creationId xmlns:a16="http://schemas.microsoft.com/office/drawing/2014/main" id="{4DBC245D-3688-9D9C-B287-FE298E0DBDED}"/>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l="-25107" t="-15651" r="-67490" b="-23881"/>
          <a:stretch/>
        </p:blipFill>
        <p:spPr>
          <a:xfrm>
            <a:off x="6109636" y="1194624"/>
            <a:ext cx="1718879" cy="443290"/>
          </a:xfrm>
          <a:prstGeom prst="rect">
            <a:avLst/>
          </a:prstGeom>
          <a:solidFill>
            <a:schemeClr val="bg1"/>
          </a:solidFill>
          <a:ln cap="flat">
            <a:noFill/>
          </a:ln>
        </p:spPr>
      </p:pic>
    </p:spTree>
    <p:custDataLst>
      <p:custData r:id="rId1"/>
      <p:custData r:id="rId2"/>
    </p:custDataLst>
    <p:extLst>
      <p:ext uri="{BB962C8B-B14F-4D97-AF65-F5344CB8AC3E}">
        <p14:creationId xmlns:p14="http://schemas.microsoft.com/office/powerpoint/2010/main" val="335211472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Placeholder 3" descr="A person wearing glasses&#10;&#10;Description automatically generated with low confidence">
            <a:extLst>
              <a:ext uri="{FF2B5EF4-FFF2-40B4-BE49-F238E27FC236}">
                <a16:creationId xmlns:a16="http://schemas.microsoft.com/office/drawing/2014/main" id="{7B8496A6-4CFE-A51D-C442-29417DC51612}"/>
              </a:ext>
            </a:extLst>
          </p:cNvPr>
          <p:cNvPicPr>
            <a:picLocks noGrp="1" noChangeAspect="1"/>
          </p:cNvPicPr>
          <p:nvPr>
            <p:ph type="pic" sz="quarter" idx="13"/>
          </p:nvPr>
        </p:nvPicPr>
        <p:blipFill>
          <a:blip r:embed="rId5"/>
          <a:srcRect l="22668" r="22668"/>
          <a:stretch>
            <a:fillRect/>
          </a:stretch>
        </p:blipFill>
        <p:spPr/>
      </p:pic>
      <p:pic>
        <p:nvPicPr>
          <p:cNvPr id="12" name="Picture Placeholder 11" descr="A person smiling for the camera&#10;&#10;Description automatically generated with medium confidence">
            <a:extLst>
              <a:ext uri="{FF2B5EF4-FFF2-40B4-BE49-F238E27FC236}">
                <a16:creationId xmlns:a16="http://schemas.microsoft.com/office/drawing/2014/main" id="{EF44C3CF-2800-85A5-3028-5DCC7B1960B5}"/>
              </a:ext>
            </a:extLst>
          </p:cNvPr>
          <p:cNvPicPr>
            <a:picLocks noGrp="1" noChangeAspect="1"/>
          </p:cNvPicPr>
          <p:nvPr>
            <p:ph type="pic" sz="quarter" idx="15"/>
          </p:nvPr>
        </p:nvPicPr>
        <p:blipFill>
          <a:blip r:embed="rId6"/>
          <a:srcRect l="8483" r="8483"/>
          <a:stretch>
            <a:fillRect/>
          </a:stretch>
        </p:blipFill>
        <p:spPr/>
      </p:pic>
      <p:sp>
        <p:nvSpPr>
          <p:cNvPr id="2" name="Title 1">
            <a:extLst>
              <a:ext uri="{FF2B5EF4-FFF2-40B4-BE49-F238E27FC236}">
                <a16:creationId xmlns:a16="http://schemas.microsoft.com/office/drawing/2014/main" id="{B52DB597-5166-EE46-A9B8-0C352A07BEEE}"/>
              </a:ext>
            </a:extLst>
          </p:cNvPr>
          <p:cNvSpPr>
            <a:spLocks noGrp="1"/>
          </p:cNvSpPr>
          <p:nvPr>
            <p:ph type="title"/>
          </p:nvPr>
        </p:nvSpPr>
        <p:spPr>
          <a:xfrm>
            <a:off x="477520" y="304165"/>
            <a:ext cx="10131552" cy="1325563"/>
          </a:xfrm>
        </p:spPr>
        <p:txBody>
          <a:bodyPr/>
          <a:lstStyle/>
          <a:p>
            <a:r>
              <a:rPr lang="en-US"/>
              <a:t>Meet your ODP Business Solutions</a:t>
            </a:r>
            <a:r>
              <a:rPr lang="en-US" baseline="30000"/>
              <a:t>™</a:t>
            </a:r>
            <a:r>
              <a:rPr lang="en-US"/>
              <a:t> team</a:t>
            </a:r>
          </a:p>
        </p:txBody>
      </p:sp>
      <p:sp>
        <p:nvSpPr>
          <p:cNvPr id="10" name="Content Placeholder 9">
            <a:extLst>
              <a:ext uri="{FF2B5EF4-FFF2-40B4-BE49-F238E27FC236}">
                <a16:creationId xmlns:a16="http://schemas.microsoft.com/office/drawing/2014/main" id="{C0AB7088-7FF9-024B-99B5-9E17928EAA28}"/>
              </a:ext>
            </a:extLst>
          </p:cNvPr>
          <p:cNvSpPr>
            <a:spLocks noGrp="1"/>
          </p:cNvSpPr>
          <p:nvPr>
            <p:ph sz="half" idx="17"/>
          </p:nvPr>
        </p:nvSpPr>
        <p:spPr>
          <a:xfrm>
            <a:off x="467361" y="2095445"/>
            <a:ext cx="2535918" cy="3182868"/>
          </a:xfrm>
          <a:prstGeom prst="rect">
            <a:avLst/>
          </a:prstGeom>
        </p:spPr>
        <p:txBody>
          <a:bodyPr>
            <a:normAutofit/>
          </a:bodyPr>
          <a:lstStyle/>
          <a:p>
            <a:pPr>
              <a:spcBef>
                <a:spcPts val="500"/>
              </a:spcBef>
            </a:pPr>
            <a:r>
              <a:rPr lang="en-US" sz="1600"/>
              <a:t>Get to know your ODP Business Solutions team — dedicated consultants working behind the scenes with your account manager to provide best-in-class solutions and personalized customer service. </a:t>
            </a:r>
          </a:p>
        </p:txBody>
      </p:sp>
      <p:sp>
        <p:nvSpPr>
          <p:cNvPr id="8" name="Content Placeholder 7">
            <a:extLst>
              <a:ext uri="{FF2B5EF4-FFF2-40B4-BE49-F238E27FC236}">
                <a16:creationId xmlns:a16="http://schemas.microsoft.com/office/drawing/2014/main" id="{F495960E-FCD0-9D45-AEF2-5877DFBBD4E8}"/>
              </a:ext>
            </a:extLst>
          </p:cNvPr>
          <p:cNvSpPr>
            <a:spLocks noGrp="1"/>
          </p:cNvSpPr>
          <p:nvPr>
            <p:ph sz="half" idx="18"/>
          </p:nvPr>
        </p:nvSpPr>
        <p:spPr/>
        <p:txBody>
          <a:bodyPr>
            <a:normAutofit/>
          </a:bodyPr>
          <a:lstStyle/>
          <a:p>
            <a:pPr marL="6350" lvl="2" indent="0">
              <a:buNone/>
            </a:pPr>
            <a:r>
              <a:rPr lang="en-US" sz="1100" b="1" dirty="0"/>
              <a:t>Director</a:t>
            </a:r>
          </a:p>
          <a:p>
            <a:pPr marL="6350" lvl="2" indent="0">
              <a:buNone/>
            </a:pPr>
            <a:r>
              <a:rPr lang="en-US" sz="1100" b="1" dirty="0"/>
              <a:t>National Healthcare GPO’s &amp; Buying Groups</a:t>
            </a:r>
          </a:p>
          <a:p>
            <a:pPr marL="6350" lvl="2" indent="0">
              <a:buNone/>
            </a:pPr>
            <a:endParaRPr lang="en-US" sz="1100" b="1" dirty="0"/>
          </a:p>
          <a:p>
            <a:pPr marL="6350" lvl="2" indent="0">
              <a:buNone/>
            </a:pPr>
            <a:r>
              <a:rPr lang="en-US" sz="1100" dirty="0"/>
              <a:t>Mike Mayes</a:t>
            </a:r>
          </a:p>
          <a:p>
            <a:pPr marL="6350" lvl="3" indent="0">
              <a:buNone/>
            </a:pPr>
            <a:endParaRPr lang="en-US" sz="1100" dirty="0"/>
          </a:p>
        </p:txBody>
      </p:sp>
      <p:sp>
        <p:nvSpPr>
          <p:cNvPr id="22" name="Content Placeholder 21">
            <a:extLst>
              <a:ext uri="{FF2B5EF4-FFF2-40B4-BE49-F238E27FC236}">
                <a16:creationId xmlns:a16="http://schemas.microsoft.com/office/drawing/2014/main" id="{40C20C4D-7ADB-2641-B056-15F519B32043}"/>
              </a:ext>
            </a:extLst>
          </p:cNvPr>
          <p:cNvSpPr>
            <a:spLocks noGrp="1"/>
          </p:cNvSpPr>
          <p:nvPr>
            <p:ph sz="half" idx="19"/>
          </p:nvPr>
        </p:nvSpPr>
        <p:spPr/>
        <p:txBody>
          <a:bodyPr/>
          <a:lstStyle/>
          <a:p>
            <a:pPr marL="6350" lvl="2" indent="0">
              <a:buNone/>
            </a:pPr>
            <a:r>
              <a:rPr lang="en-US" sz="1100" b="1" dirty="0"/>
              <a:t>Program Manager</a:t>
            </a:r>
          </a:p>
          <a:p>
            <a:pPr marL="6350" lvl="2" indent="0">
              <a:buNone/>
            </a:pPr>
            <a:endParaRPr lang="en-US" sz="1100" dirty="0"/>
          </a:p>
          <a:p>
            <a:pPr marL="6350" lvl="2" indent="0">
              <a:buNone/>
            </a:pPr>
            <a:endParaRPr lang="en-US" sz="1100" dirty="0"/>
          </a:p>
          <a:p>
            <a:pPr marL="6350" lvl="2" indent="0">
              <a:buNone/>
            </a:pPr>
            <a:endParaRPr lang="en-US" sz="1100" dirty="0"/>
          </a:p>
          <a:p>
            <a:pPr marL="6350" lvl="2" indent="0">
              <a:buNone/>
            </a:pPr>
            <a:r>
              <a:rPr lang="en-US" sz="1100" dirty="0"/>
              <a:t>Larry Reinker</a:t>
            </a:r>
          </a:p>
          <a:p>
            <a:endParaRPr lang="en-US" dirty="0"/>
          </a:p>
        </p:txBody>
      </p:sp>
      <p:sp>
        <p:nvSpPr>
          <p:cNvPr id="23" name="Content Placeholder 22">
            <a:extLst>
              <a:ext uri="{FF2B5EF4-FFF2-40B4-BE49-F238E27FC236}">
                <a16:creationId xmlns:a16="http://schemas.microsoft.com/office/drawing/2014/main" id="{2A7001D3-1E61-6142-BBC2-D2F756A25588}"/>
              </a:ext>
            </a:extLst>
          </p:cNvPr>
          <p:cNvSpPr>
            <a:spLocks noGrp="1"/>
          </p:cNvSpPr>
          <p:nvPr>
            <p:ph sz="half" idx="20"/>
          </p:nvPr>
        </p:nvSpPr>
        <p:spPr/>
        <p:txBody>
          <a:bodyPr/>
          <a:lstStyle/>
          <a:p>
            <a:pPr marL="6350" lvl="2" indent="0">
              <a:buNone/>
            </a:pPr>
            <a:r>
              <a:rPr lang="en-US" sz="1100" b="1"/>
              <a:t>Director </a:t>
            </a:r>
            <a:r>
              <a:rPr lang="en-US" sz="1100" b="1" dirty="0"/>
              <a:t>SMB Acquisition</a:t>
            </a:r>
          </a:p>
          <a:p>
            <a:pPr marL="6350" lvl="2" indent="0">
              <a:buNone/>
            </a:pPr>
            <a:endParaRPr lang="en-US" sz="1100" b="1" dirty="0"/>
          </a:p>
          <a:p>
            <a:pPr marL="6350" lvl="2" indent="0">
              <a:buNone/>
            </a:pPr>
            <a:endParaRPr lang="en-US" sz="1100" b="1" dirty="0"/>
          </a:p>
          <a:p>
            <a:pPr marL="6350" lvl="2" indent="0">
              <a:buNone/>
            </a:pPr>
            <a:r>
              <a:rPr lang="en-US" sz="1100" dirty="0"/>
              <a:t>Talitha Searcy</a:t>
            </a:r>
          </a:p>
          <a:p>
            <a:endParaRPr lang="en-US" dirty="0"/>
          </a:p>
        </p:txBody>
      </p:sp>
      <p:sp>
        <p:nvSpPr>
          <p:cNvPr id="24" name="Content Placeholder 23">
            <a:extLst>
              <a:ext uri="{FF2B5EF4-FFF2-40B4-BE49-F238E27FC236}">
                <a16:creationId xmlns:a16="http://schemas.microsoft.com/office/drawing/2014/main" id="{00E6F436-B58B-2246-949F-1F80A15CF51A}"/>
              </a:ext>
            </a:extLst>
          </p:cNvPr>
          <p:cNvSpPr>
            <a:spLocks noGrp="1"/>
          </p:cNvSpPr>
          <p:nvPr>
            <p:ph sz="half" idx="21"/>
          </p:nvPr>
        </p:nvSpPr>
        <p:spPr/>
        <p:txBody>
          <a:bodyPr/>
          <a:lstStyle/>
          <a:p>
            <a:pPr marL="6350" lvl="2" indent="0">
              <a:buNone/>
            </a:pPr>
            <a:endParaRPr lang="en-US" sz="1100" dirty="0"/>
          </a:p>
          <a:p>
            <a:endParaRPr lang="en-US" dirty="0"/>
          </a:p>
        </p:txBody>
      </p:sp>
      <p:pic>
        <p:nvPicPr>
          <p:cNvPr id="9" name="Picture Placeholder 8">
            <a:extLst>
              <a:ext uri="{FF2B5EF4-FFF2-40B4-BE49-F238E27FC236}">
                <a16:creationId xmlns:a16="http://schemas.microsoft.com/office/drawing/2014/main" id="{C2A805A2-88EC-3420-74A4-7EBFCB6817E5}"/>
              </a:ext>
            </a:extLst>
          </p:cNvPr>
          <p:cNvPicPr>
            <a:picLocks noGrp="1" noChangeAspect="1"/>
          </p:cNvPicPr>
          <p:nvPr>
            <p:ph type="pic" sz="quarter" idx="14"/>
          </p:nvPr>
        </p:nvPicPr>
        <p:blipFill>
          <a:blip r:embed="rId7" cstate="screen">
            <a:extLst>
              <a:ext uri="{28A0092B-C50C-407E-A947-70E740481C1C}">
                <a14:useLocalDpi xmlns:a14="http://schemas.microsoft.com/office/drawing/2010/main"/>
              </a:ext>
            </a:extLst>
          </a:blip>
          <a:stretch>
            <a:fillRect/>
          </a:stretch>
        </p:blipFill>
        <p:spPr>
          <a:xfrm>
            <a:off x="5176954" y="2178827"/>
            <a:ext cx="1626829" cy="2114878"/>
          </a:xfrm>
          <a:prstGeom prst="rect">
            <a:avLst/>
          </a:prstGeom>
        </p:spPr>
      </p:pic>
    </p:spTree>
    <p:custDataLst>
      <p:custData r:id="rId1"/>
      <p:custData r:id="rId2"/>
    </p:custDataLst>
    <p:extLst>
      <p:ext uri="{BB962C8B-B14F-4D97-AF65-F5344CB8AC3E}">
        <p14:creationId xmlns:p14="http://schemas.microsoft.com/office/powerpoint/2010/main" val="41845439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9" descr="A picture containing text, indoor, computer, electronics&#10;&#10;Description automatically generated">
            <a:extLst>
              <a:ext uri="{FF2B5EF4-FFF2-40B4-BE49-F238E27FC236}">
                <a16:creationId xmlns:a16="http://schemas.microsoft.com/office/drawing/2014/main" id="{3360B039-841C-3E4F-98B8-6B463B1936A8}"/>
              </a:ext>
            </a:extLst>
          </p:cNvPr>
          <p:cNvPicPr>
            <a:picLocks noGrp="1" noChangeAspect="1"/>
          </p:cNvPicPr>
          <p:nvPr>
            <p:ph type="pic" sz="quarter" idx="13"/>
          </p:nvPr>
        </p:nvPicPr>
        <p:blipFill rotWithShape="1">
          <a:blip r:embed="rId5" cstate="print">
            <a:extLst>
              <a:ext uri="{28A0092B-C50C-407E-A947-70E740481C1C}">
                <a14:useLocalDpi xmlns:a14="http://schemas.microsoft.com/office/drawing/2010/main" val="0"/>
              </a:ext>
            </a:extLst>
          </a:blip>
          <a:srcRect/>
          <a:stretch/>
        </p:blipFill>
        <p:spPr/>
      </p:pic>
      <p:sp>
        <p:nvSpPr>
          <p:cNvPr id="3" name="Title 2">
            <a:extLst>
              <a:ext uri="{FF2B5EF4-FFF2-40B4-BE49-F238E27FC236}">
                <a16:creationId xmlns:a16="http://schemas.microsoft.com/office/drawing/2014/main" id="{62BF9570-E939-7142-98A4-29FB36615B91}"/>
              </a:ext>
            </a:extLst>
          </p:cNvPr>
          <p:cNvSpPr>
            <a:spLocks noGrp="1"/>
          </p:cNvSpPr>
          <p:nvPr>
            <p:ph type="title"/>
          </p:nvPr>
        </p:nvSpPr>
        <p:spPr/>
        <p:txBody>
          <a:bodyPr/>
          <a:lstStyle/>
          <a:p>
            <a:r>
              <a:rPr lang="en-US"/>
              <a:t>Technology solutions</a:t>
            </a:r>
          </a:p>
        </p:txBody>
      </p:sp>
      <p:sp>
        <p:nvSpPr>
          <p:cNvPr id="4" name="Content Placeholder 3">
            <a:extLst>
              <a:ext uri="{FF2B5EF4-FFF2-40B4-BE49-F238E27FC236}">
                <a16:creationId xmlns:a16="http://schemas.microsoft.com/office/drawing/2014/main" id="{6548792B-103D-4740-8E96-2201BC30C4BA}"/>
              </a:ext>
            </a:extLst>
          </p:cNvPr>
          <p:cNvSpPr>
            <a:spLocks noGrp="1"/>
          </p:cNvSpPr>
          <p:nvPr>
            <p:ph sz="half" idx="1"/>
          </p:nvPr>
        </p:nvSpPr>
        <p:spPr>
          <a:prstGeom prst="rect">
            <a:avLst/>
          </a:prstGeom>
        </p:spPr>
        <p:txBody>
          <a:bodyPr>
            <a:normAutofit/>
          </a:bodyPr>
          <a:lstStyle/>
          <a:p>
            <a:pPr>
              <a:lnSpc>
                <a:spcPct val="100000"/>
              </a:lnSpc>
            </a:pPr>
            <a:r>
              <a:rPr lang="en-US" b="1"/>
              <a:t>Looking for more tech value and selection for your business?</a:t>
            </a:r>
            <a:endParaRPr lang="en-US"/>
          </a:p>
          <a:p>
            <a:pPr>
              <a:lnSpc>
                <a:spcPct val="100000"/>
              </a:lnSpc>
              <a:spcBef>
                <a:spcPts val="200"/>
              </a:spcBef>
              <a:spcAft>
                <a:spcPts val="0"/>
              </a:spcAft>
            </a:pPr>
            <a:r>
              <a:rPr lang="en-US" sz="1600"/>
              <a:t>Look to ODP Business Solutions to help you plan, acquire, deploy, and fund technology across every area of your business. We’ll help you keep employees connected while leveraging virtual technologies to generate more ideas and promote innovation.</a:t>
            </a:r>
          </a:p>
          <a:p>
            <a:endParaRPr lang="en-US"/>
          </a:p>
        </p:txBody>
      </p:sp>
    </p:spTree>
    <p:custDataLst>
      <p:custData r:id="rId1"/>
      <p:custData r:id="rId2"/>
    </p:custDataLst>
    <p:extLst>
      <p:ext uri="{BB962C8B-B14F-4D97-AF65-F5344CB8AC3E}">
        <p14:creationId xmlns:p14="http://schemas.microsoft.com/office/powerpoint/2010/main" val="348469715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9" descr="A picture containing road, person&#10;&#10;Description automatically generated">
            <a:extLst>
              <a:ext uri="{FF2B5EF4-FFF2-40B4-BE49-F238E27FC236}">
                <a16:creationId xmlns:a16="http://schemas.microsoft.com/office/drawing/2014/main" id="{5482FE08-16F8-954C-B8F7-FA583F8F8703}"/>
              </a:ext>
            </a:extLst>
          </p:cNvPr>
          <p:cNvPicPr>
            <a:picLocks noGrp="1" noChangeAspect="1"/>
          </p:cNvPicPr>
          <p:nvPr>
            <p:ph type="pic" sz="quarter" idx="13"/>
          </p:nvPr>
        </p:nvPicPr>
        <p:blipFill rotWithShape="1">
          <a:blip r:embed="rId5" cstate="print">
            <a:extLst>
              <a:ext uri="{28A0092B-C50C-407E-A947-70E740481C1C}">
                <a14:useLocalDpi xmlns:a14="http://schemas.microsoft.com/office/drawing/2010/main" val="0"/>
              </a:ext>
            </a:extLst>
          </a:blip>
          <a:srcRect/>
          <a:stretch/>
        </p:blipFill>
        <p:spPr/>
      </p:pic>
      <p:sp>
        <p:nvSpPr>
          <p:cNvPr id="3" name="Title 2">
            <a:extLst>
              <a:ext uri="{FF2B5EF4-FFF2-40B4-BE49-F238E27FC236}">
                <a16:creationId xmlns:a16="http://schemas.microsoft.com/office/drawing/2014/main" id="{9E583EFE-3874-114A-A626-28249620B11F}"/>
              </a:ext>
            </a:extLst>
          </p:cNvPr>
          <p:cNvSpPr>
            <a:spLocks noGrp="1"/>
          </p:cNvSpPr>
          <p:nvPr>
            <p:ph type="title"/>
          </p:nvPr>
        </p:nvSpPr>
        <p:spPr/>
        <p:txBody>
          <a:bodyPr>
            <a:normAutofit/>
          </a:bodyPr>
          <a:lstStyle/>
          <a:p>
            <a:r>
              <a:rPr lang="en-US"/>
              <a:t>Workspace Facilities — cleaning</a:t>
            </a:r>
          </a:p>
        </p:txBody>
      </p:sp>
      <p:sp>
        <p:nvSpPr>
          <p:cNvPr id="4" name="Content Placeholder 3">
            <a:extLst>
              <a:ext uri="{FF2B5EF4-FFF2-40B4-BE49-F238E27FC236}">
                <a16:creationId xmlns:a16="http://schemas.microsoft.com/office/drawing/2014/main" id="{41D1BA8B-C810-9445-9441-7F1BCF56B1AA}"/>
              </a:ext>
            </a:extLst>
          </p:cNvPr>
          <p:cNvSpPr>
            <a:spLocks noGrp="1"/>
          </p:cNvSpPr>
          <p:nvPr>
            <p:ph sz="half" idx="1"/>
          </p:nvPr>
        </p:nvSpPr>
        <p:spPr>
          <a:prstGeom prst="rect">
            <a:avLst/>
          </a:prstGeom>
        </p:spPr>
        <p:txBody>
          <a:bodyPr>
            <a:noAutofit/>
          </a:bodyPr>
          <a:lstStyle/>
          <a:p>
            <a:r>
              <a:rPr lang="en-US" b="1"/>
              <a:t>Want to help maintain a cleaner environment while reducing labor costs and the use of harsh chemicals?</a:t>
            </a:r>
            <a:endParaRPr lang="en-US"/>
          </a:p>
          <a:p>
            <a:pPr>
              <a:spcBef>
                <a:spcPts val="200"/>
              </a:spcBef>
              <a:spcAft>
                <a:spcPts val="0"/>
              </a:spcAft>
            </a:pPr>
            <a:r>
              <a:rPr lang="en-US" sz="1600"/>
              <a:t>From greener cleaning supplies to data reporting to our Ready to Ship program, ODP Business Solutions can help your facility shine. We even offer free site assessments, so we can help tailor our solutions to </a:t>
            </a:r>
            <a:r>
              <a:rPr lang="en-US" sz="1600" i="1"/>
              <a:t>your </a:t>
            </a:r>
            <a:r>
              <a:rPr lang="en-US" sz="1600"/>
              <a:t>organization.</a:t>
            </a:r>
          </a:p>
          <a:p>
            <a:pPr marL="0" indent="0">
              <a:spcBef>
                <a:spcPts val="500"/>
              </a:spcBef>
              <a:buNone/>
            </a:pPr>
            <a:endParaRPr lang="en-US"/>
          </a:p>
        </p:txBody>
      </p:sp>
    </p:spTree>
    <p:custDataLst>
      <p:custData r:id="rId1"/>
      <p:custData r:id="rId2"/>
    </p:custDataLst>
    <p:extLst>
      <p:ext uri="{BB962C8B-B14F-4D97-AF65-F5344CB8AC3E}">
        <p14:creationId xmlns:p14="http://schemas.microsoft.com/office/powerpoint/2010/main" val="43627932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50" name="Picture 2" descr="Brand Studio/Brand Identity/ODP Business Solutions/Images/UnTouched Jpegs/Stocksy_comp_3141501">
            <a:extLst>
              <a:ext uri="{FF2B5EF4-FFF2-40B4-BE49-F238E27FC236}">
                <a16:creationId xmlns:a16="http://schemas.microsoft.com/office/drawing/2014/main" id="{FC7001CF-1FDA-0B42-A478-343EA283CE4D}"/>
              </a:ext>
            </a:extLst>
          </p:cNvPr>
          <p:cNvPicPr>
            <a:picLocks noGrp="1" noChangeAspect="1" noChangeArrowheads="1"/>
          </p:cNvPicPr>
          <p:nvPr>
            <p:ph type="pic" sz="quarter" idx="13"/>
          </p:nvPr>
        </p:nvPicPr>
        <p:blipFill rotWithShape="1">
          <a:blip r:embed="rId5" cstate="print">
            <a:extLst>
              <a:ext uri="{28A0092B-C50C-407E-A947-70E740481C1C}">
                <a14:useLocalDpi xmlns:a14="http://schemas.microsoft.com/office/drawing/2010/main" val="0"/>
              </a:ext>
            </a:extLst>
          </a:blip>
          <a:srcRect/>
          <a:stretch/>
        </p:blipFill>
        <p:spPr bwMode="auto">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77C7CE96-32CE-F549-8F83-ECA8793E0FFE}"/>
              </a:ext>
            </a:extLst>
          </p:cNvPr>
          <p:cNvSpPr>
            <a:spLocks noGrp="1"/>
          </p:cNvSpPr>
          <p:nvPr>
            <p:ph type="title"/>
          </p:nvPr>
        </p:nvSpPr>
        <p:spPr/>
        <p:txBody>
          <a:bodyPr>
            <a:normAutofit/>
          </a:bodyPr>
          <a:lstStyle/>
          <a:p>
            <a:r>
              <a:rPr lang="en-US"/>
              <a:t>Workspace Facilities — breakroom</a:t>
            </a:r>
          </a:p>
        </p:txBody>
      </p:sp>
      <p:sp>
        <p:nvSpPr>
          <p:cNvPr id="12" name="Content Placeholder 11">
            <a:extLst>
              <a:ext uri="{FF2B5EF4-FFF2-40B4-BE49-F238E27FC236}">
                <a16:creationId xmlns:a16="http://schemas.microsoft.com/office/drawing/2014/main" id="{7AC09B92-E5D0-4944-A2D3-BEBB8B863E30}"/>
              </a:ext>
            </a:extLst>
          </p:cNvPr>
          <p:cNvSpPr>
            <a:spLocks noGrp="1"/>
          </p:cNvSpPr>
          <p:nvPr>
            <p:ph sz="half" idx="1"/>
          </p:nvPr>
        </p:nvSpPr>
        <p:spPr>
          <a:prstGeom prst="rect">
            <a:avLst/>
          </a:prstGeom>
        </p:spPr>
        <p:txBody>
          <a:bodyPr>
            <a:noAutofit/>
          </a:bodyPr>
          <a:lstStyle/>
          <a:p>
            <a:pPr marL="0" lvl="2" indent="0">
              <a:spcBef>
                <a:spcPts val="0"/>
              </a:spcBef>
              <a:spcAft>
                <a:spcPts val="200"/>
              </a:spcAft>
              <a:buClr>
                <a:schemeClr val="accent1"/>
              </a:buClr>
              <a:buSzTx/>
              <a:buFont typeface="Arial"/>
              <a:buNone/>
            </a:pPr>
            <a:r>
              <a:rPr lang="en-US" sz="1800" b="1">
                <a:solidFill>
                  <a:schemeClr val="accent1"/>
                </a:solidFill>
              </a:rPr>
              <a:t>Are you perking up productivity while providing some comforts of home?</a:t>
            </a:r>
            <a:endParaRPr lang="en-US" sz="1800">
              <a:solidFill>
                <a:schemeClr val="accent1"/>
              </a:solidFill>
            </a:endParaRPr>
          </a:p>
          <a:p>
            <a:pPr marL="0" lvl="2" indent="0">
              <a:buClr>
                <a:schemeClr val="accent1"/>
              </a:buClr>
              <a:buSzTx/>
              <a:buFont typeface="Arial"/>
              <a:buNone/>
            </a:pPr>
            <a:r>
              <a:rPr lang="en-US">
                <a:solidFill>
                  <a:schemeClr val="accent1"/>
                </a:solidFill>
              </a:rPr>
              <a:t>Help boost your energy and morale with our wide range of breakroom supplies. From coffee and water services to customized shopping lists to individually wrapped items, we can help you keep your breakroom as refreshed as your workforce. </a:t>
            </a:r>
          </a:p>
          <a:p>
            <a:pPr>
              <a:spcBef>
                <a:spcPts val="600"/>
              </a:spcBef>
              <a:buClr>
                <a:schemeClr val="accent1"/>
              </a:buClr>
            </a:pPr>
            <a:endParaRPr lang="en-US" sz="1200">
              <a:solidFill>
                <a:schemeClr val="accent1"/>
              </a:solidFill>
            </a:endParaRPr>
          </a:p>
        </p:txBody>
      </p:sp>
      <p:sp>
        <p:nvSpPr>
          <p:cNvPr id="9" name="Oval 8">
            <a:extLst>
              <a:ext uri="{FF2B5EF4-FFF2-40B4-BE49-F238E27FC236}">
                <a16:creationId xmlns:a16="http://schemas.microsoft.com/office/drawing/2014/main" id="{3939F82E-41AE-F849-B6D6-9F527E330B74}"/>
              </a:ext>
            </a:extLst>
          </p:cNvPr>
          <p:cNvSpPr/>
          <p:nvPr/>
        </p:nvSpPr>
        <p:spPr>
          <a:xfrm rot="21314183">
            <a:off x="2241593" y="3968926"/>
            <a:ext cx="1507614" cy="1507614"/>
          </a:xfrm>
          <a:prstGeom prst="ellipse">
            <a:avLst/>
          </a:prstGeom>
          <a:blipFill dpi="0" rotWithShape="1">
            <a:blip r:embed="rId6" cstate="print">
              <a:extLst>
                <a:ext uri="{28A0092B-C50C-407E-A947-70E740481C1C}">
                  <a14:useLocalDpi xmlns:a14="http://schemas.microsoft.com/office/drawing/2010/main" val="0"/>
                </a:ext>
              </a:extLst>
            </a:blip>
            <a:srcRect/>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Oval 12">
            <a:extLst>
              <a:ext uri="{FF2B5EF4-FFF2-40B4-BE49-F238E27FC236}">
                <a16:creationId xmlns:a16="http://schemas.microsoft.com/office/drawing/2014/main" id="{D80333D6-93B3-8443-80EA-8B000002EF28}"/>
              </a:ext>
            </a:extLst>
          </p:cNvPr>
          <p:cNvSpPr/>
          <p:nvPr/>
        </p:nvSpPr>
        <p:spPr>
          <a:xfrm>
            <a:off x="467359" y="3963401"/>
            <a:ext cx="1517701" cy="1517701"/>
          </a:xfrm>
          <a:prstGeom prst="ellipse">
            <a:avLst/>
          </a:prstGeom>
          <a:blipFill dpi="0" rotWithShape="1">
            <a:blip r:embed="rId7" cstate="print">
              <a:extLst>
                <a:ext uri="{28A0092B-C50C-407E-A947-70E740481C1C}">
                  <a14:useLocalDpi xmlns:a14="http://schemas.microsoft.com/office/drawing/2010/main" val="0"/>
                </a:ext>
              </a:extLst>
            </a:blip>
            <a:srcRect/>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Oval 16">
            <a:extLst>
              <a:ext uri="{FF2B5EF4-FFF2-40B4-BE49-F238E27FC236}">
                <a16:creationId xmlns:a16="http://schemas.microsoft.com/office/drawing/2014/main" id="{3A704315-6C9C-CF48-AB08-7FEDBC6F11B0}"/>
              </a:ext>
            </a:extLst>
          </p:cNvPr>
          <p:cNvSpPr/>
          <p:nvPr/>
        </p:nvSpPr>
        <p:spPr>
          <a:xfrm>
            <a:off x="3972348" y="3961249"/>
            <a:ext cx="1508268" cy="1508268"/>
          </a:xfrm>
          <a:prstGeom prst="ellipse">
            <a:avLst/>
          </a:prstGeom>
          <a:blipFill dpi="0" rotWithShape="1">
            <a:blip r:embed="rId8" cstate="print">
              <a:extLst>
                <a:ext uri="{28A0092B-C50C-407E-A947-70E740481C1C}">
                  <a14:useLocalDpi xmlns:a14="http://schemas.microsoft.com/office/drawing/2010/main" val="0"/>
                </a:ext>
              </a:extLst>
            </a:blip>
            <a:srcRect/>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custDataLst>
      <p:custData r:id="rId1"/>
      <p:custData r:id="rId2"/>
    </p:custDataLst>
    <p:extLst>
      <p:ext uri="{BB962C8B-B14F-4D97-AF65-F5344CB8AC3E}">
        <p14:creationId xmlns:p14="http://schemas.microsoft.com/office/powerpoint/2010/main" val="342004535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Placeholder 8" descr="A person in a yellow shirt&#10;&#10;Description automatically generated with low confidence">
            <a:extLst>
              <a:ext uri="{FF2B5EF4-FFF2-40B4-BE49-F238E27FC236}">
                <a16:creationId xmlns:a16="http://schemas.microsoft.com/office/drawing/2014/main" id="{AAED8BB8-3B71-4E44-B19F-00A7403EC677}"/>
              </a:ext>
            </a:extLst>
          </p:cNvPr>
          <p:cNvPicPr>
            <a:picLocks noGrp="1" noChangeAspect="1"/>
          </p:cNvPicPr>
          <p:nvPr>
            <p:ph type="pic" sz="quarter" idx="13"/>
          </p:nvPr>
        </p:nvPicPr>
        <p:blipFill rotWithShape="1">
          <a:blip r:embed="rId5" cstate="print">
            <a:extLst>
              <a:ext uri="{28A0092B-C50C-407E-A947-70E740481C1C}">
                <a14:useLocalDpi xmlns:a14="http://schemas.microsoft.com/office/drawing/2010/main" val="0"/>
              </a:ext>
            </a:extLst>
          </a:blip>
          <a:srcRect/>
          <a:stretch/>
        </p:blipFill>
        <p:spPr/>
      </p:pic>
      <p:sp>
        <p:nvSpPr>
          <p:cNvPr id="3" name="Title 2">
            <a:extLst>
              <a:ext uri="{FF2B5EF4-FFF2-40B4-BE49-F238E27FC236}">
                <a16:creationId xmlns:a16="http://schemas.microsoft.com/office/drawing/2014/main" id="{E879303D-D4AE-FA43-A294-51D4E86EFACB}"/>
              </a:ext>
            </a:extLst>
          </p:cNvPr>
          <p:cNvSpPr>
            <a:spLocks noGrp="1"/>
          </p:cNvSpPr>
          <p:nvPr>
            <p:ph type="title"/>
          </p:nvPr>
        </p:nvSpPr>
        <p:spPr/>
        <p:txBody>
          <a:bodyPr/>
          <a:lstStyle/>
          <a:p>
            <a:r>
              <a:rPr lang="en-US"/>
              <a:t>Evolution of business</a:t>
            </a:r>
          </a:p>
        </p:txBody>
      </p:sp>
      <p:sp>
        <p:nvSpPr>
          <p:cNvPr id="4" name="Content Placeholder 3">
            <a:extLst>
              <a:ext uri="{FF2B5EF4-FFF2-40B4-BE49-F238E27FC236}">
                <a16:creationId xmlns:a16="http://schemas.microsoft.com/office/drawing/2014/main" id="{D69AF1EC-96DB-794E-A145-32A7AC747C91}"/>
              </a:ext>
            </a:extLst>
          </p:cNvPr>
          <p:cNvSpPr>
            <a:spLocks noGrp="1"/>
          </p:cNvSpPr>
          <p:nvPr>
            <p:ph sz="half" idx="1"/>
          </p:nvPr>
        </p:nvSpPr>
        <p:spPr>
          <a:prstGeom prst="rect">
            <a:avLst/>
          </a:prstGeom>
        </p:spPr>
        <p:txBody>
          <a:bodyPr>
            <a:normAutofit/>
          </a:bodyPr>
          <a:lstStyle/>
          <a:p>
            <a:r>
              <a:rPr lang="en-US" b="1"/>
              <a:t>Does your workforce stay productive beyond the walls of your office?</a:t>
            </a:r>
            <a:endParaRPr lang="en-US"/>
          </a:p>
          <a:p>
            <a:pPr>
              <a:spcBef>
                <a:spcPts val="200"/>
              </a:spcBef>
              <a:spcAft>
                <a:spcPts val="0"/>
              </a:spcAft>
            </a:pPr>
            <a:r>
              <a:rPr lang="en-US" sz="1600"/>
              <a:t>Whether your staff is remote, hybrid, or back in the office, ODP Business Solutions can help staff members maintain productivity from any location. Count on us to provide solutions that can help your employees stay more connected and collaborative — wherever business gets done.</a:t>
            </a:r>
          </a:p>
          <a:p>
            <a:pPr marL="0" indent="0">
              <a:spcBef>
                <a:spcPts val="500"/>
              </a:spcBef>
              <a:buNone/>
            </a:pPr>
            <a:endParaRPr lang="en-US">
              <a:solidFill>
                <a:schemeClr val="accent1"/>
              </a:solidFill>
            </a:endParaRPr>
          </a:p>
        </p:txBody>
      </p:sp>
    </p:spTree>
    <p:custDataLst>
      <p:custData r:id="rId1"/>
      <p:custData r:id="rId2"/>
    </p:custDataLst>
    <p:extLst>
      <p:ext uri="{BB962C8B-B14F-4D97-AF65-F5344CB8AC3E}">
        <p14:creationId xmlns:p14="http://schemas.microsoft.com/office/powerpoint/2010/main" val="319320539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443C9EB-1E9D-060F-145E-B103576857E0}"/>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53D4C55D-1487-5290-71AD-8C89176C4DFD}"/>
              </a:ext>
            </a:extLst>
          </p:cNvPr>
          <p:cNvSpPr>
            <a:spLocks noGrp="1"/>
          </p:cNvSpPr>
          <p:nvPr>
            <p:ph type="title"/>
          </p:nvPr>
        </p:nvSpPr>
        <p:spPr/>
        <p:txBody>
          <a:bodyPr/>
          <a:lstStyle/>
          <a:p>
            <a:pPr>
              <a:lnSpc>
                <a:spcPct val="100000"/>
              </a:lnSpc>
            </a:pPr>
            <a:r>
              <a:rPr lang="en-US" dirty="0"/>
              <a:t>Q&amp;A</a:t>
            </a:r>
          </a:p>
        </p:txBody>
      </p:sp>
    </p:spTree>
    <p:custDataLst>
      <p:custData r:id="rId1"/>
      <p:custData r:id="rId2"/>
    </p:custDataLst>
    <p:extLst>
      <p:ext uri="{BB962C8B-B14F-4D97-AF65-F5344CB8AC3E}">
        <p14:creationId xmlns:p14="http://schemas.microsoft.com/office/powerpoint/2010/main" val="428864264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E85387A-1C81-2E41-9B16-08170DCEAF6F}"/>
              </a:ext>
            </a:extLst>
          </p:cNvPr>
          <p:cNvSpPr>
            <a:spLocks noGrp="1"/>
          </p:cNvSpPr>
          <p:nvPr>
            <p:ph type="ctrTitle"/>
          </p:nvPr>
        </p:nvSpPr>
        <p:spPr/>
        <p:txBody>
          <a:bodyPr/>
          <a:lstStyle/>
          <a:p>
            <a:pPr>
              <a:lnSpc>
                <a:spcPct val="100000"/>
              </a:lnSpc>
            </a:pPr>
            <a:r>
              <a:rPr lang="en-US"/>
              <a:t>Thank you</a:t>
            </a:r>
          </a:p>
        </p:txBody>
      </p:sp>
      <p:sp>
        <p:nvSpPr>
          <p:cNvPr id="5" name="Footer Placeholder 2">
            <a:extLst>
              <a:ext uri="{FF2B5EF4-FFF2-40B4-BE49-F238E27FC236}">
                <a16:creationId xmlns:a16="http://schemas.microsoft.com/office/drawing/2014/main" id="{B6F79090-B26E-3D4A-A9BE-32A0B1103236}"/>
              </a:ext>
            </a:extLst>
          </p:cNvPr>
          <p:cNvSpPr txBox="1">
            <a:spLocks/>
          </p:cNvSpPr>
          <p:nvPr/>
        </p:nvSpPr>
        <p:spPr>
          <a:xfrm>
            <a:off x="477518" y="6393928"/>
            <a:ext cx="10059445" cy="365125"/>
          </a:xfrm>
          <a:prstGeom prst="rect">
            <a:avLst/>
          </a:prstGeom>
        </p:spPr>
        <p:txBody>
          <a:bodyPr vert="horz" lIns="91440" tIns="45720" rIns="91440" bIns="45720" rtlCol="0" anchor="ctr"/>
          <a:lstStyle>
            <a:defPPr>
              <a:defRPr lang="en-US"/>
            </a:defPPr>
            <a:lvl1pPr marL="0" algn="l" defTabSz="914400" rtl="0" eaLnBrk="1" latinLnBrk="0" hangingPunct="1">
              <a:defRPr sz="700" kern="1200">
                <a:solidFill>
                  <a:schemeClr val="bg1"/>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a:t>ODP and ODP Business Solutions are trademarks of ODP Business Solutions, LLC.  Office Depot is a trademark of The Office Club, Inc. © 2022 ODP Business Solutions, LLC. All rights reserved.</a:t>
            </a:r>
          </a:p>
        </p:txBody>
      </p:sp>
    </p:spTree>
    <p:custDataLst>
      <p:custData r:id="rId1"/>
      <p:custData r:id="rId2"/>
    </p:custDataLst>
    <p:extLst>
      <p:ext uri="{BB962C8B-B14F-4D97-AF65-F5344CB8AC3E}">
        <p14:creationId xmlns:p14="http://schemas.microsoft.com/office/powerpoint/2010/main" val="386256683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 name="Picture Placeholder 19" descr="A person using a computer&#10;&#10;Description automatically generated with medium confidence">
            <a:extLst>
              <a:ext uri="{FF2B5EF4-FFF2-40B4-BE49-F238E27FC236}">
                <a16:creationId xmlns:a16="http://schemas.microsoft.com/office/drawing/2014/main" id="{61B259BC-55B3-1547-9140-79C0DB71C46A}"/>
              </a:ext>
            </a:extLst>
          </p:cNvPr>
          <p:cNvPicPr>
            <a:picLocks noGrp="1" noChangeAspect="1"/>
          </p:cNvPicPr>
          <p:nvPr>
            <p:ph type="pic" sz="quarter" idx="13"/>
          </p:nvPr>
        </p:nvPicPr>
        <p:blipFill rotWithShape="1">
          <a:blip r:embed="rId5" cstate="print">
            <a:extLst>
              <a:ext uri="{28A0092B-C50C-407E-A947-70E740481C1C}">
                <a14:useLocalDpi xmlns:a14="http://schemas.microsoft.com/office/drawing/2010/main" val="0"/>
              </a:ext>
            </a:extLst>
          </a:blip>
          <a:srcRect/>
          <a:stretch/>
        </p:blipFill>
        <p:spPr/>
      </p:pic>
      <p:sp>
        <p:nvSpPr>
          <p:cNvPr id="6" name="Title 5">
            <a:extLst>
              <a:ext uri="{FF2B5EF4-FFF2-40B4-BE49-F238E27FC236}">
                <a16:creationId xmlns:a16="http://schemas.microsoft.com/office/drawing/2014/main" id="{0D62CB18-BABE-4C4A-8BAF-7C92A38408CC}"/>
              </a:ext>
            </a:extLst>
          </p:cNvPr>
          <p:cNvSpPr>
            <a:spLocks noGrp="1"/>
          </p:cNvSpPr>
          <p:nvPr>
            <p:ph type="title"/>
          </p:nvPr>
        </p:nvSpPr>
        <p:spPr/>
        <p:txBody>
          <a:bodyPr/>
          <a:lstStyle/>
          <a:p>
            <a:r>
              <a:rPr lang="en-US">
                <a:solidFill>
                  <a:schemeClr val="accent1"/>
                </a:solidFill>
              </a:rPr>
              <a:t>Agenda</a:t>
            </a:r>
          </a:p>
        </p:txBody>
      </p:sp>
      <p:sp>
        <p:nvSpPr>
          <p:cNvPr id="11" name="Content Placeholder 10">
            <a:extLst>
              <a:ext uri="{FF2B5EF4-FFF2-40B4-BE49-F238E27FC236}">
                <a16:creationId xmlns:a16="http://schemas.microsoft.com/office/drawing/2014/main" id="{E665F929-96C2-DF46-A4FF-63BCA2D45561}"/>
              </a:ext>
            </a:extLst>
          </p:cNvPr>
          <p:cNvSpPr>
            <a:spLocks noGrp="1"/>
          </p:cNvSpPr>
          <p:nvPr>
            <p:ph sz="half" idx="1"/>
          </p:nvPr>
        </p:nvSpPr>
        <p:spPr>
          <a:xfrm>
            <a:off x="467360" y="1736890"/>
            <a:ext cx="5147056" cy="4004967"/>
          </a:xfrm>
        </p:spPr>
        <p:txBody>
          <a:bodyPr/>
          <a:lstStyle/>
          <a:p>
            <a:pPr marL="346075" indent="-336550">
              <a:spcBef>
                <a:spcPts val="1200"/>
              </a:spcBef>
              <a:buClr>
                <a:schemeClr val="accent1"/>
              </a:buClr>
              <a:buFont typeface="+mj-lt"/>
              <a:buAutoNum type="arabicPeriod"/>
            </a:pPr>
            <a:r>
              <a:rPr lang="en-US" b="1" dirty="0"/>
              <a:t>Atlas Acquisition</a:t>
            </a:r>
          </a:p>
          <a:p>
            <a:pPr marL="346075" indent="-336550">
              <a:spcBef>
                <a:spcPts val="1000"/>
              </a:spcBef>
              <a:spcAft>
                <a:spcPts val="0"/>
              </a:spcAft>
              <a:buClr>
                <a:schemeClr val="accent1"/>
              </a:buClr>
              <a:buFont typeface="+mj-lt"/>
              <a:buAutoNum type="arabicPeriod"/>
            </a:pPr>
            <a:r>
              <a:rPr lang="en-US" b="1" dirty="0"/>
              <a:t>Updates</a:t>
            </a:r>
          </a:p>
          <a:p>
            <a:pPr marL="346075" indent="-336550">
              <a:spcBef>
                <a:spcPts val="1000"/>
              </a:spcBef>
              <a:spcAft>
                <a:spcPts val="0"/>
              </a:spcAft>
              <a:buClr>
                <a:schemeClr val="accent1"/>
              </a:buClr>
              <a:buFont typeface="+mj-lt"/>
              <a:buAutoNum type="arabicPeriod"/>
            </a:pPr>
            <a:r>
              <a:rPr lang="en-US" b="1" dirty="0"/>
              <a:t>Appendix- service offerings</a:t>
            </a:r>
          </a:p>
          <a:p>
            <a:pPr marL="346075">
              <a:spcBef>
                <a:spcPts val="1000"/>
              </a:spcBef>
              <a:spcAft>
                <a:spcPts val="0"/>
              </a:spcAft>
              <a:buClr>
                <a:schemeClr val="accent1"/>
              </a:buClr>
            </a:pPr>
            <a:endParaRPr lang="en-US" b="1" dirty="0">
              <a:solidFill>
                <a:schemeClr val="accent1"/>
              </a:solidFill>
            </a:endParaRPr>
          </a:p>
          <a:p>
            <a:pPr>
              <a:spcBef>
                <a:spcPts val="600"/>
              </a:spcBef>
              <a:buClr>
                <a:schemeClr val="accent2"/>
              </a:buClr>
            </a:pPr>
            <a:endParaRPr lang="en-US" dirty="0"/>
          </a:p>
          <a:p>
            <a:pPr>
              <a:spcBef>
                <a:spcPts val="600"/>
              </a:spcBef>
              <a:buClr>
                <a:schemeClr val="accent2"/>
              </a:buClr>
            </a:pPr>
            <a:endParaRPr lang="en-US" dirty="0"/>
          </a:p>
          <a:p>
            <a:pPr>
              <a:spcBef>
                <a:spcPts val="600"/>
              </a:spcBef>
            </a:pPr>
            <a:endParaRPr lang="en-US" dirty="0"/>
          </a:p>
          <a:p>
            <a:pPr>
              <a:spcBef>
                <a:spcPts val="600"/>
              </a:spcBef>
            </a:pPr>
            <a:endParaRPr lang="en-US" dirty="0"/>
          </a:p>
        </p:txBody>
      </p:sp>
    </p:spTree>
    <p:custDataLst>
      <p:custData r:id="rId1"/>
      <p:custData r:id="rId2"/>
    </p:custDataLst>
    <p:extLst>
      <p:ext uri="{BB962C8B-B14F-4D97-AF65-F5344CB8AC3E}">
        <p14:creationId xmlns:p14="http://schemas.microsoft.com/office/powerpoint/2010/main" val="23708835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FF78D3-D39E-6AB9-DDC0-3527D6CC61C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BEF3E9E-5F4F-C38B-6F67-61EE9523AAFC}"/>
              </a:ext>
            </a:extLst>
          </p:cNvPr>
          <p:cNvSpPr>
            <a:spLocks noGrp="1"/>
          </p:cNvSpPr>
          <p:nvPr>
            <p:ph type="title"/>
          </p:nvPr>
        </p:nvSpPr>
        <p:spPr/>
        <p:txBody>
          <a:bodyPr vert="horz" lIns="91440" tIns="45720" rIns="91440" bIns="45720" rtlCol="0" anchor="ctr">
            <a:normAutofit/>
          </a:bodyPr>
          <a:lstStyle/>
          <a:p>
            <a:r>
              <a:rPr lang="en-US" dirty="0">
                <a:solidFill>
                  <a:srgbClr val="102B4E"/>
                </a:solidFill>
              </a:rPr>
              <a:t>New for year end 2025</a:t>
            </a:r>
          </a:p>
        </p:txBody>
      </p:sp>
      <p:sp>
        <p:nvSpPr>
          <p:cNvPr id="3" name="Content Placeholder 2">
            <a:extLst>
              <a:ext uri="{FF2B5EF4-FFF2-40B4-BE49-F238E27FC236}">
                <a16:creationId xmlns:a16="http://schemas.microsoft.com/office/drawing/2014/main" id="{A7F674E4-5AD3-AF34-6C12-96B9AC1207D7}"/>
              </a:ext>
            </a:extLst>
          </p:cNvPr>
          <p:cNvSpPr>
            <a:spLocks noGrp="1"/>
          </p:cNvSpPr>
          <p:nvPr>
            <p:ph sz="half" idx="1"/>
          </p:nvPr>
        </p:nvSpPr>
        <p:spPr>
          <a:xfrm>
            <a:off x="2061798" y="2015969"/>
            <a:ext cx="10130202" cy="4004967"/>
          </a:xfrm>
        </p:spPr>
        <p:txBody>
          <a:bodyPr/>
          <a:lstStyle/>
          <a:p>
            <a:endParaRPr lang="en-US" dirty="0"/>
          </a:p>
          <a:p>
            <a:endParaRPr lang="en-US" dirty="0"/>
          </a:p>
          <a:p>
            <a:endParaRPr lang="en-US" dirty="0"/>
          </a:p>
        </p:txBody>
      </p:sp>
      <p:sp>
        <p:nvSpPr>
          <p:cNvPr id="4" name="Footer Placeholder 3">
            <a:extLst>
              <a:ext uri="{FF2B5EF4-FFF2-40B4-BE49-F238E27FC236}">
                <a16:creationId xmlns:a16="http://schemas.microsoft.com/office/drawing/2014/main" id="{4D05B248-693F-4CE1-9BE7-3455955B8B2B}"/>
              </a:ext>
            </a:extLst>
          </p:cNvPr>
          <p:cNvSpPr>
            <a:spLocks noGrp="1"/>
          </p:cNvSpPr>
          <p:nvPr>
            <p:ph type="ftr" sz="quarter" idx="4294967295"/>
          </p:nvPr>
        </p:nvSpPr>
        <p:spPr>
          <a:xfrm>
            <a:off x="0" y="6356350"/>
            <a:ext cx="3792538"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58595B">
                    <a:lumMod val="60000"/>
                    <a:lumOff val="40000"/>
                  </a:srgbClr>
                </a:solidFill>
                <a:effectLst/>
                <a:uLnTx/>
                <a:uFillTx/>
                <a:latin typeface="Open Sans" panose="020B0606030504020204" pitchFamily="34" charset="0"/>
                <a:ea typeface="Open Sans" panose="020B0606030504020204" pitchFamily="34" charset="0"/>
                <a:cs typeface="Open Sans" panose="020B0606030504020204" pitchFamily="34" charset="0"/>
              </a:rPr>
              <a:t>©2022 ODP Business Solutions, LLC. All rights reserved.            Confidential</a:t>
            </a:r>
          </a:p>
        </p:txBody>
      </p:sp>
      <p:sp>
        <p:nvSpPr>
          <p:cNvPr id="5" name="Slide Number Placeholder 4">
            <a:extLst>
              <a:ext uri="{FF2B5EF4-FFF2-40B4-BE49-F238E27FC236}">
                <a16:creationId xmlns:a16="http://schemas.microsoft.com/office/drawing/2014/main" id="{0825B580-B95A-760C-ECB4-52010EA9484C}"/>
              </a:ext>
            </a:extLst>
          </p:cNvPr>
          <p:cNvSpPr>
            <a:spLocks noGrp="1"/>
          </p:cNvSpPr>
          <p:nvPr>
            <p:ph type="sldNum" sz="quarter" idx="4294967295"/>
          </p:nvPr>
        </p:nvSpPr>
        <p:spPr>
          <a:xfrm>
            <a:off x="0" y="6356350"/>
            <a:ext cx="366713" cy="365125"/>
          </a:xfrm>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DDE61A61-0F23-0048-8C0D-E7201A572481}" type="slidenum">
              <a:rPr kumimoji="0" lang="en-US" sz="800" b="0" i="0" u="none" strike="noStrike" kern="1200" cap="none" spc="0" normalizeH="0" baseline="0" noProof="0" smtClean="0">
                <a:ln>
                  <a:noFill/>
                </a:ln>
                <a:solidFill>
                  <a:srgbClr val="58595B">
                    <a:lumMod val="60000"/>
                    <a:lumOff val="40000"/>
                  </a:srgbClr>
                </a:solidFill>
                <a:effectLst/>
                <a:uLnTx/>
                <a:uFillTx/>
                <a:latin typeface="Open Sans" panose="020B0606030504020204" pitchFamily="34" charset="0"/>
                <a:ea typeface="Open Sans" panose="020B0606030504020204" pitchFamily="34" charset="0"/>
                <a:cs typeface="Open Sans" panose="020B0606030504020204" pitchFamily="34" charset="0"/>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US" sz="800" b="0" i="0" u="none" strike="noStrike" kern="1200" cap="none" spc="0" normalizeH="0" baseline="0" noProof="0">
              <a:ln>
                <a:noFill/>
              </a:ln>
              <a:solidFill>
                <a:srgbClr val="58595B">
                  <a:lumMod val="60000"/>
                  <a:lumOff val="40000"/>
                </a:srgbClr>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pic>
        <p:nvPicPr>
          <p:cNvPr id="1026" name="Picture 2">
            <a:extLst>
              <a:ext uri="{FF2B5EF4-FFF2-40B4-BE49-F238E27FC236}">
                <a16:creationId xmlns:a16="http://schemas.microsoft.com/office/drawing/2014/main" id="{A1201283-E020-94A3-DF5B-C79BF997A09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037726" y="279079"/>
            <a:ext cx="5303837" cy="6858000"/>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94CD6B3A-E823-377F-E719-1A60F82AC7A2}"/>
              </a:ext>
            </a:extLst>
          </p:cNvPr>
          <p:cNvSpPr txBox="1"/>
          <p:nvPr/>
        </p:nvSpPr>
        <p:spPr>
          <a:xfrm>
            <a:off x="800100" y="2015969"/>
            <a:ext cx="4669483" cy="2308324"/>
          </a:xfrm>
          <a:prstGeom prst="rect">
            <a:avLst/>
          </a:prstGeom>
          <a:noFill/>
        </p:spPr>
        <p:txBody>
          <a:bodyPr wrap="none" rtlCol="0">
            <a:spAutoFit/>
          </a:bodyPr>
          <a:lstStyle/>
          <a:p>
            <a:r>
              <a:rPr lang="en-US" sz="2400" dirty="0"/>
              <a:t>ODP agrees to acquisition </a:t>
            </a:r>
          </a:p>
          <a:p>
            <a:r>
              <a:rPr lang="en-US" sz="2400" dirty="0"/>
              <a:t>By private Equity firm Atlas holdings</a:t>
            </a:r>
          </a:p>
          <a:p>
            <a:r>
              <a:rPr lang="en-US" sz="2400" dirty="0"/>
              <a:t>Customers were notified directly.</a:t>
            </a:r>
          </a:p>
          <a:p>
            <a:endParaRPr lang="en-US" sz="2400" dirty="0"/>
          </a:p>
          <a:p>
            <a:r>
              <a:rPr lang="en-US" sz="2400" dirty="0"/>
              <a:t>Transaction should close</a:t>
            </a:r>
          </a:p>
          <a:p>
            <a:r>
              <a:rPr lang="en-US" sz="2400" dirty="0"/>
              <a:t>Prior to end of year 2025</a:t>
            </a:r>
          </a:p>
        </p:txBody>
      </p:sp>
    </p:spTree>
    <p:extLst>
      <p:ext uri="{BB962C8B-B14F-4D97-AF65-F5344CB8AC3E}">
        <p14:creationId xmlns:p14="http://schemas.microsoft.com/office/powerpoint/2010/main" val="14068089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3A0241-F9DC-117F-1F59-B9857A682B2D}"/>
              </a:ext>
            </a:extLst>
          </p:cNvPr>
          <p:cNvSpPr>
            <a:spLocks noGrp="1"/>
          </p:cNvSpPr>
          <p:nvPr>
            <p:ph type="title"/>
          </p:nvPr>
        </p:nvSpPr>
        <p:spPr/>
        <p:txBody>
          <a:bodyPr vert="horz" lIns="91440" tIns="45720" rIns="91440" bIns="45720" rtlCol="0" anchor="ctr">
            <a:normAutofit/>
          </a:bodyPr>
          <a:lstStyle/>
          <a:p>
            <a:r>
              <a:rPr lang="en-US" dirty="0">
                <a:solidFill>
                  <a:srgbClr val="102B4E"/>
                </a:solidFill>
              </a:rPr>
              <a:t>New for year end 2025</a:t>
            </a:r>
          </a:p>
        </p:txBody>
      </p:sp>
      <p:sp>
        <p:nvSpPr>
          <p:cNvPr id="3" name="Content Placeholder 2">
            <a:extLst>
              <a:ext uri="{FF2B5EF4-FFF2-40B4-BE49-F238E27FC236}">
                <a16:creationId xmlns:a16="http://schemas.microsoft.com/office/drawing/2014/main" id="{F61BBC72-2AB4-CB73-2565-72C981A79B11}"/>
              </a:ext>
            </a:extLst>
          </p:cNvPr>
          <p:cNvSpPr>
            <a:spLocks noGrp="1"/>
          </p:cNvSpPr>
          <p:nvPr>
            <p:ph sz="half" idx="1"/>
          </p:nvPr>
        </p:nvSpPr>
        <p:spPr/>
        <p:txBody>
          <a:bodyPr/>
          <a:lstStyle/>
          <a:p>
            <a:r>
              <a:rPr lang="en-US" dirty="0"/>
              <a:t>New Senior Management in Austin at Inside Sales </a:t>
            </a:r>
          </a:p>
          <a:p>
            <a:endParaRPr lang="en-US" dirty="0"/>
          </a:p>
          <a:p>
            <a:r>
              <a:rPr lang="en-US" dirty="0"/>
              <a:t>Focus on new account acquisition</a:t>
            </a:r>
          </a:p>
          <a:p>
            <a:r>
              <a:rPr lang="en-US" dirty="0"/>
              <a:t>Talitha recently promoted to Director of Acquisition</a:t>
            </a:r>
          </a:p>
          <a:p>
            <a:endParaRPr lang="en-US" dirty="0"/>
          </a:p>
          <a:p>
            <a:r>
              <a:rPr lang="en-US" dirty="0"/>
              <a:t>Continuing transition to vertical specialization</a:t>
            </a:r>
          </a:p>
          <a:p>
            <a:r>
              <a:rPr lang="en-US" dirty="0"/>
              <a:t>SBA representatives will have more broad industry knowledge</a:t>
            </a:r>
          </a:p>
          <a:p>
            <a:endParaRPr lang="en-US" dirty="0"/>
          </a:p>
          <a:p>
            <a:r>
              <a:rPr lang="en-US" dirty="0"/>
              <a:t>New programs to increase associate retention</a:t>
            </a:r>
          </a:p>
          <a:p>
            <a:endParaRPr lang="en-US" dirty="0"/>
          </a:p>
          <a:p>
            <a:r>
              <a:rPr lang="en-US" dirty="0"/>
              <a:t>And more coming in 2026…</a:t>
            </a:r>
          </a:p>
          <a:p>
            <a:endParaRPr lang="en-US" dirty="0"/>
          </a:p>
          <a:p>
            <a:endParaRPr lang="en-US" dirty="0"/>
          </a:p>
          <a:p>
            <a:endParaRPr lang="en-US" dirty="0"/>
          </a:p>
        </p:txBody>
      </p:sp>
      <p:sp>
        <p:nvSpPr>
          <p:cNvPr id="4" name="Footer Placeholder 3">
            <a:extLst>
              <a:ext uri="{FF2B5EF4-FFF2-40B4-BE49-F238E27FC236}">
                <a16:creationId xmlns:a16="http://schemas.microsoft.com/office/drawing/2014/main" id="{4A91A36D-32EA-32A8-D441-45ACF6F02C15}"/>
              </a:ext>
            </a:extLst>
          </p:cNvPr>
          <p:cNvSpPr>
            <a:spLocks noGrp="1"/>
          </p:cNvSpPr>
          <p:nvPr>
            <p:ph type="ftr" sz="quarter" idx="4294967295"/>
          </p:nvPr>
        </p:nvSpPr>
        <p:spPr>
          <a:xfrm>
            <a:off x="0" y="6356350"/>
            <a:ext cx="3792538" cy="365125"/>
          </a:xfrm>
          <a:prstGeom prst="rect">
            <a:avLst/>
          </a:prstGeom>
        </p:spPr>
        <p:txBody>
          <a:bodyPr vert="horz" lIns="91440" tIns="45720" rIns="91440" bIns="45720" rtlCol="0" anchor="ctr"/>
          <a:lstStyle>
            <a:defPPr>
              <a:defRPr lang="en-US"/>
            </a:defPPr>
            <a:lvl1pPr marL="0" algn="l" defTabSz="914400" rtl="0" eaLnBrk="1" latinLnBrk="0" hangingPunct="1">
              <a:defRPr sz="800" kern="1200">
                <a:solidFill>
                  <a:schemeClr val="accent6">
                    <a:lumMod val="60000"/>
                    <a:lumOff val="40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58595B">
                    <a:lumMod val="60000"/>
                    <a:lumOff val="40000"/>
                  </a:srgbClr>
                </a:solidFill>
                <a:effectLst/>
                <a:uLnTx/>
                <a:uFillTx/>
                <a:latin typeface="Open Sans" panose="020B0606030504020204" pitchFamily="34" charset="0"/>
                <a:ea typeface="Open Sans" panose="020B0606030504020204" pitchFamily="34" charset="0"/>
                <a:cs typeface="Open Sans" panose="020B0606030504020204" pitchFamily="34" charset="0"/>
              </a:rPr>
              <a:t>©2022 ODP Business Solutions, LLC. All rights reserved.            Confidential</a:t>
            </a:r>
          </a:p>
        </p:txBody>
      </p:sp>
      <p:sp>
        <p:nvSpPr>
          <p:cNvPr id="5" name="Slide Number Placeholder 4">
            <a:extLst>
              <a:ext uri="{FF2B5EF4-FFF2-40B4-BE49-F238E27FC236}">
                <a16:creationId xmlns:a16="http://schemas.microsoft.com/office/drawing/2014/main" id="{B806E824-DBFA-A7D7-52B6-BED649B6EE03}"/>
              </a:ext>
            </a:extLst>
          </p:cNvPr>
          <p:cNvSpPr>
            <a:spLocks noGrp="1"/>
          </p:cNvSpPr>
          <p:nvPr>
            <p:ph type="sldNum" sz="quarter" idx="4294967295"/>
          </p:nvPr>
        </p:nvSpPr>
        <p:spPr>
          <a:xfrm>
            <a:off x="0" y="6356350"/>
            <a:ext cx="366713" cy="365125"/>
          </a:xfrm>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DDE61A61-0F23-0048-8C0D-E7201A572481}" type="slidenum">
              <a:rPr kumimoji="0" lang="en-US" sz="800" b="0" i="0" u="none" strike="noStrike" kern="1200" cap="none" spc="0" normalizeH="0" baseline="0" noProof="0" smtClean="0">
                <a:ln>
                  <a:noFill/>
                </a:ln>
                <a:solidFill>
                  <a:srgbClr val="58595B">
                    <a:lumMod val="60000"/>
                    <a:lumOff val="40000"/>
                  </a:srgbClr>
                </a:solidFill>
                <a:effectLst/>
                <a:uLnTx/>
                <a:uFillTx/>
                <a:latin typeface="Open Sans" panose="020B0606030504020204" pitchFamily="34" charset="0"/>
                <a:ea typeface="Open Sans" panose="020B0606030504020204" pitchFamily="34" charset="0"/>
                <a:cs typeface="Open Sans" panose="020B0606030504020204" pitchFamily="34" charset="0"/>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US" sz="800" b="0" i="0" u="none" strike="noStrike" kern="1200" cap="none" spc="0" normalizeH="0" baseline="0" noProof="0">
              <a:ln>
                <a:noFill/>
              </a:ln>
              <a:solidFill>
                <a:srgbClr val="58595B">
                  <a:lumMod val="60000"/>
                  <a:lumOff val="40000"/>
                </a:srgbClr>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Tree>
    <p:extLst>
      <p:ext uri="{BB962C8B-B14F-4D97-AF65-F5344CB8AC3E}">
        <p14:creationId xmlns:p14="http://schemas.microsoft.com/office/powerpoint/2010/main" val="334110282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EC9C9B-22B2-9348-8010-3EFBE7ACADDA}"/>
              </a:ext>
            </a:extLst>
          </p:cNvPr>
          <p:cNvSpPr>
            <a:spLocks noGrp="1"/>
          </p:cNvSpPr>
          <p:nvPr>
            <p:ph type="ctrTitle"/>
          </p:nvPr>
        </p:nvSpPr>
        <p:spPr>
          <a:xfrm>
            <a:off x="138853" y="51388"/>
            <a:ext cx="11174154" cy="799512"/>
          </a:xfrm>
          <a:noFill/>
        </p:spPr>
        <p:txBody>
          <a:bodyPr/>
          <a:lstStyle/>
          <a:p>
            <a:r>
              <a:rPr lang="en-US" sz="3200" b="1" dirty="0">
                <a:solidFill>
                  <a:srgbClr val="FFCC32"/>
                </a:solidFill>
                <a:latin typeface="Open Sans Semibold" panose="020B0606030504020204" pitchFamily="34" charset="0"/>
                <a:ea typeface="Open Sans Semibold" panose="020B0606030504020204" pitchFamily="34" charset="0"/>
                <a:cs typeface="Open Sans Semibold" panose="020B0606030504020204" pitchFamily="34" charset="0"/>
              </a:rPr>
              <a:t>The ODP story, simplified</a:t>
            </a:r>
          </a:p>
        </p:txBody>
      </p:sp>
      <p:sp>
        <p:nvSpPr>
          <p:cNvPr id="5" name="Content Placeholder 4">
            <a:extLst>
              <a:ext uri="{FF2B5EF4-FFF2-40B4-BE49-F238E27FC236}">
                <a16:creationId xmlns:a16="http://schemas.microsoft.com/office/drawing/2014/main" id="{6758A8DC-1FA0-FC48-95F6-2A815C689AFC}"/>
              </a:ext>
            </a:extLst>
          </p:cNvPr>
          <p:cNvSpPr>
            <a:spLocks noGrp="1"/>
          </p:cNvSpPr>
          <p:nvPr>
            <p:ph sz="half" idx="4294967295"/>
          </p:nvPr>
        </p:nvSpPr>
        <p:spPr>
          <a:xfrm>
            <a:off x="985520" y="1117600"/>
            <a:ext cx="10596880" cy="4947920"/>
          </a:xfrm>
        </p:spPr>
        <p:txBody>
          <a:bodyPr>
            <a:normAutofit fontScale="85000" lnSpcReduction="20000"/>
          </a:bodyPr>
          <a:lstStyle/>
          <a:p>
            <a:pPr marL="0" lvl="0" indent="0">
              <a:buNone/>
            </a:pPr>
            <a:r>
              <a:rPr lang="en-US" sz="2000" dirty="0">
                <a:solidFill>
                  <a:schemeClr val="bg1"/>
                </a:solidFill>
              </a:rPr>
              <a:t>Office Depot has spent 37 years assisting business leaders to run the working world. </a:t>
            </a:r>
          </a:p>
          <a:p>
            <a:pPr marL="0" lvl="0" indent="0">
              <a:buNone/>
            </a:pPr>
            <a:r>
              <a:rPr lang="en-US" sz="2000" dirty="0">
                <a:solidFill>
                  <a:schemeClr val="bg1"/>
                </a:solidFill>
              </a:rPr>
              <a:t>Now, we’re doing it as </a:t>
            </a:r>
            <a:r>
              <a:rPr lang="en-US" sz="2000" b="1" dirty="0">
                <a:solidFill>
                  <a:schemeClr val="bg1"/>
                </a:solidFill>
              </a:rPr>
              <a:t>ODP Business Solutions.</a:t>
            </a:r>
            <a:r>
              <a:rPr lang="en-US" sz="2000" dirty="0">
                <a:solidFill>
                  <a:schemeClr val="bg1"/>
                </a:solidFill>
              </a:rPr>
              <a:t>  </a:t>
            </a:r>
          </a:p>
          <a:p>
            <a:pPr marL="0" lvl="0" indent="0">
              <a:buNone/>
            </a:pPr>
            <a:r>
              <a:rPr lang="en-US" sz="2000" dirty="0">
                <a:solidFill>
                  <a:schemeClr val="bg1"/>
                </a:solidFill>
              </a:rPr>
              <a:t>Why is our business evolving? </a:t>
            </a:r>
            <a:r>
              <a:rPr lang="en-US" sz="2000" i="1" dirty="0">
                <a:solidFill>
                  <a:schemeClr val="bg1"/>
                </a:solidFill>
              </a:rPr>
              <a:t>Well,</a:t>
            </a:r>
            <a:r>
              <a:rPr lang="en-US" sz="2000" dirty="0">
                <a:solidFill>
                  <a:schemeClr val="bg1"/>
                </a:solidFill>
              </a:rPr>
              <a:t> </a:t>
            </a:r>
            <a:r>
              <a:rPr lang="en-US" sz="2000" i="1" dirty="0">
                <a:solidFill>
                  <a:schemeClr val="bg1"/>
                </a:solidFill>
              </a:rPr>
              <a:t>why is any business evolving? </a:t>
            </a:r>
            <a:endParaRPr lang="en-US" sz="2000" dirty="0">
              <a:solidFill>
                <a:schemeClr val="bg1"/>
              </a:solidFill>
            </a:endParaRPr>
          </a:p>
          <a:p>
            <a:pPr marL="274320" lvl="0" indent="0">
              <a:buNone/>
            </a:pPr>
            <a:r>
              <a:rPr lang="en-US" sz="2000" dirty="0">
                <a:solidFill>
                  <a:schemeClr val="bg1"/>
                </a:solidFill>
              </a:rPr>
              <a:t>To answer shifting marketplace demands. </a:t>
            </a:r>
          </a:p>
          <a:p>
            <a:pPr marL="274320" lvl="0" indent="0">
              <a:buNone/>
            </a:pPr>
            <a:r>
              <a:rPr lang="en-US" sz="2000" dirty="0">
                <a:solidFill>
                  <a:schemeClr val="bg1"/>
                </a:solidFill>
              </a:rPr>
              <a:t>To stay competitive against an expanding set of challengers.</a:t>
            </a:r>
          </a:p>
          <a:p>
            <a:pPr marL="274320" lvl="0" indent="0">
              <a:buNone/>
            </a:pPr>
            <a:r>
              <a:rPr lang="en-US" sz="2000" dirty="0">
                <a:solidFill>
                  <a:schemeClr val="bg1"/>
                </a:solidFill>
              </a:rPr>
              <a:t>To take advantage of technological innovation.</a:t>
            </a:r>
          </a:p>
          <a:p>
            <a:pPr marL="274320" lvl="0" indent="0">
              <a:buNone/>
            </a:pPr>
            <a:r>
              <a:rPr lang="en-US" sz="2000" dirty="0">
                <a:solidFill>
                  <a:schemeClr val="bg1"/>
                </a:solidFill>
              </a:rPr>
              <a:t>To enable more efficient ways of working.</a:t>
            </a:r>
          </a:p>
          <a:p>
            <a:pPr marL="274320" lvl="0" indent="0">
              <a:buNone/>
            </a:pPr>
            <a:r>
              <a:rPr lang="en-US" sz="2000" dirty="0">
                <a:solidFill>
                  <a:schemeClr val="bg1"/>
                </a:solidFill>
              </a:rPr>
              <a:t>To make business more inclusive and sustainable. </a:t>
            </a:r>
          </a:p>
          <a:p>
            <a:pPr marL="274320" lvl="0" indent="0">
              <a:buNone/>
            </a:pPr>
            <a:r>
              <a:rPr lang="en-US" sz="2000" dirty="0">
                <a:solidFill>
                  <a:schemeClr val="bg1"/>
                </a:solidFill>
              </a:rPr>
              <a:t>To better support and empower our employees.</a:t>
            </a:r>
          </a:p>
          <a:p>
            <a:pPr marL="274320" lvl="0" indent="0">
              <a:buNone/>
            </a:pPr>
            <a:r>
              <a:rPr lang="en-US" sz="2000" dirty="0">
                <a:solidFill>
                  <a:schemeClr val="bg1"/>
                </a:solidFill>
              </a:rPr>
              <a:t>To continue to serve our customers to the very highest standard.</a:t>
            </a:r>
          </a:p>
          <a:p>
            <a:pPr marL="274320" lvl="0" indent="0">
              <a:buNone/>
            </a:pPr>
            <a:r>
              <a:rPr lang="en-US" sz="2000" dirty="0">
                <a:solidFill>
                  <a:schemeClr val="bg1"/>
                </a:solidFill>
              </a:rPr>
              <a:t>To enrich and elevate local communities.</a:t>
            </a:r>
          </a:p>
          <a:p>
            <a:pPr marL="274320" lvl="0" indent="0">
              <a:buNone/>
            </a:pPr>
            <a:r>
              <a:rPr lang="en-US" sz="2000" dirty="0">
                <a:solidFill>
                  <a:schemeClr val="bg1"/>
                </a:solidFill>
              </a:rPr>
              <a:t>To make sure business works for people, and not just the other way around. </a:t>
            </a:r>
          </a:p>
          <a:p>
            <a:pPr marL="0" lvl="0" indent="0">
              <a:buNone/>
            </a:pPr>
            <a:r>
              <a:rPr lang="en-US" sz="2000" dirty="0">
                <a:solidFill>
                  <a:schemeClr val="bg1"/>
                </a:solidFill>
              </a:rPr>
              <a:t>Sound familiar?  </a:t>
            </a:r>
          </a:p>
          <a:p>
            <a:pPr marL="0" lvl="0" indent="0">
              <a:buNone/>
            </a:pPr>
            <a:r>
              <a:rPr lang="en-US" sz="2000" b="1" dirty="0">
                <a:solidFill>
                  <a:schemeClr val="bg1"/>
                </a:solidFill>
              </a:rPr>
              <a:t>Our business is evolving because </a:t>
            </a:r>
            <a:r>
              <a:rPr lang="en-US" sz="2000" b="1" i="1" dirty="0">
                <a:solidFill>
                  <a:schemeClr val="bg1"/>
                </a:solidFill>
              </a:rPr>
              <a:t>your </a:t>
            </a:r>
            <a:r>
              <a:rPr lang="en-US" sz="2000" b="1" dirty="0">
                <a:solidFill>
                  <a:schemeClr val="bg1"/>
                </a:solidFill>
              </a:rPr>
              <a:t> business is evolving.</a:t>
            </a:r>
            <a:endParaRPr lang="en-US" sz="2000" dirty="0">
              <a:solidFill>
                <a:schemeClr val="bg1"/>
              </a:solidFill>
            </a:endParaRPr>
          </a:p>
        </p:txBody>
      </p:sp>
    </p:spTree>
    <p:extLst>
      <p:ext uri="{BB962C8B-B14F-4D97-AF65-F5344CB8AC3E}">
        <p14:creationId xmlns:p14="http://schemas.microsoft.com/office/powerpoint/2010/main" val="303716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bg>
      <p:bgPr>
        <a:solidFill>
          <a:srgbClr val="102B4E"/>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EC9C9B-22B2-9348-8010-3EFBE7ACADDA}"/>
              </a:ext>
            </a:extLst>
          </p:cNvPr>
          <p:cNvSpPr>
            <a:spLocks noGrp="1"/>
          </p:cNvSpPr>
          <p:nvPr>
            <p:ph type="title"/>
          </p:nvPr>
        </p:nvSpPr>
        <p:spPr>
          <a:noFill/>
        </p:spPr>
        <p:txBody>
          <a:bodyPr/>
          <a:lstStyle/>
          <a:p>
            <a:r>
              <a:rPr lang="en-US" sz="3200" b="1" dirty="0">
                <a:solidFill>
                  <a:srgbClr val="FFCC32"/>
                </a:solidFill>
                <a:latin typeface="Open Sans Semibold" panose="020B0606030504020204" pitchFamily="34" charset="0"/>
                <a:ea typeface="Open Sans Semibold" panose="020B0606030504020204" pitchFamily="34" charset="0"/>
                <a:cs typeface="Open Sans Semibold" panose="020B0606030504020204" pitchFamily="34" charset="0"/>
              </a:rPr>
              <a:t>ODP Business Solutions SBA Highlights</a:t>
            </a:r>
          </a:p>
        </p:txBody>
      </p:sp>
      <p:sp>
        <p:nvSpPr>
          <p:cNvPr id="5" name="Content Placeholder 4">
            <a:extLst>
              <a:ext uri="{FF2B5EF4-FFF2-40B4-BE49-F238E27FC236}">
                <a16:creationId xmlns:a16="http://schemas.microsoft.com/office/drawing/2014/main" id="{6758A8DC-1FA0-FC48-95F6-2A815C689AFC}"/>
              </a:ext>
            </a:extLst>
          </p:cNvPr>
          <p:cNvSpPr>
            <a:spLocks noGrp="1"/>
          </p:cNvSpPr>
          <p:nvPr>
            <p:ph idx="1"/>
          </p:nvPr>
        </p:nvSpPr>
        <p:spPr>
          <a:xfrm>
            <a:off x="546823" y="1341864"/>
            <a:ext cx="10990419" cy="5112447"/>
          </a:xfrm>
        </p:spPr>
        <p:txBody>
          <a:bodyPr/>
          <a:lstStyle/>
          <a:p>
            <a:pPr marL="0" indent="0">
              <a:buNone/>
            </a:pPr>
            <a:endParaRPr lang="en-US" sz="1600" dirty="0">
              <a:solidFill>
                <a:schemeClr val="bg1"/>
              </a:solidFill>
            </a:endParaRPr>
          </a:p>
          <a:p>
            <a:r>
              <a:rPr lang="en-US" sz="1600" dirty="0">
                <a:solidFill>
                  <a:schemeClr val="bg1"/>
                </a:solidFill>
              </a:rPr>
              <a:t>Partner with over 40 bankers associations across the United States</a:t>
            </a:r>
          </a:p>
          <a:p>
            <a:r>
              <a:rPr lang="en-US" sz="1600" dirty="0">
                <a:solidFill>
                  <a:schemeClr val="bg1"/>
                </a:solidFill>
              </a:rPr>
              <a:t>Program is built for banks</a:t>
            </a:r>
          </a:p>
          <a:p>
            <a:r>
              <a:rPr lang="en-US" sz="1600" dirty="0">
                <a:solidFill>
                  <a:schemeClr val="bg1"/>
                </a:solidFill>
              </a:rPr>
              <a:t>2600+ commonly ordered items, including bank-specific items, deeply discounted</a:t>
            </a:r>
          </a:p>
          <a:p>
            <a:r>
              <a:rPr lang="en-US" sz="1600" dirty="0">
                <a:solidFill>
                  <a:schemeClr val="bg1"/>
                </a:solidFill>
              </a:rPr>
              <a:t>Free, next-day delivery on orders over $50</a:t>
            </a:r>
          </a:p>
          <a:p>
            <a:r>
              <a:rPr lang="en-US" sz="1600" dirty="0">
                <a:solidFill>
                  <a:schemeClr val="bg1"/>
                </a:solidFill>
              </a:rPr>
              <a:t>Expense reductions tools to manage account spend</a:t>
            </a:r>
          </a:p>
          <a:p>
            <a:r>
              <a:rPr lang="en-US" sz="1600" dirty="0">
                <a:solidFill>
                  <a:schemeClr val="bg1"/>
                </a:solidFill>
              </a:rPr>
              <a:t>Customizable program to meet member needs</a:t>
            </a:r>
            <a:endParaRPr lang="en-US" sz="1600" i="1" dirty="0">
              <a:solidFill>
                <a:schemeClr val="bg1"/>
              </a:solidFill>
            </a:endParaRPr>
          </a:p>
          <a:p>
            <a:r>
              <a:rPr lang="en-US" sz="1600" i="1" dirty="0">
                <a:solidFill>
                  <a:schemeClr val="bg1"/>
                </a:solidFill>
              </a:rPr>
              <a:t>Not just paper and toner…</a:t>
            </a:r>
          </a:p>
          <a:p>
            <a:pPr lvl="1"/>
            <a:r>
              <a:rPr lang="en-US" sz="1600" dirty="0">
                <a:solidFill>
                  <a:schemeClr val="bg1"/>
                </a:solidFill>
              </a:rPr>
              <a:t>Cleaning and Breakroom-coffee, soda, paper towels, etc.</a:t>
            </a:r>
          </a:p>
          <a:p>
            <a:pPr lvl="1"/>
            <a:r>
              <a:rPr lang="en-US" sz="1600" dirty="0">
                <a:solidFill>
                  <a:schemeClr val="bg1"/>
                </a:solidFill>
              </a:rPr>
              <a:t>Copy and Print-forms from front-line to HR forms, printed on demand</a:t>
            </a:r>
          </a:p>
          <a:p>
            <a:pPr lvl="1"/>
            <a:r>
              <a:rPr lang="en-US" sz="1600" dirty="0">
                <a:solidFill>
                  <a:schemeClr val="bg1"/>
                </a:solidFill>
              </a:rPr>
              <a:t>Managed Print Services-copier and printer fleet management</a:t>
            </a:r>
          </a:p>
          <a:p>
            <a:pPr lvl="1"/>
            <a:r>
              <a:rPr lang="en-US" sz="1600" dirty="0">
                <a:solidFill>
                  <a:schemeClr val="bg1"/>
                </a:solidFill>
              </a:rPr>
              <a:t>Workspace Interiors and Furniture-from design to implementation</a:t>
            </a:r>
          </a:p>
          <a:p>
            <a:pPr lvl="1"/>
            <a:r>
              <a:rPr lang="en-US" sz="1600" dirty="0">
                <a:solidFill>
                  <a:schemeClr val="bg1"/>
                </a:solidFill>
              </a:rPr>
              <a:t>Promotional Products-logo-wear, bank branded items</a:t>
            </a:r>
          </a:p>
        </p:txBody>
      </p:sp>
      <p:pic>
        <p:nvPicPr>
          <p:cNvPr id="4" name="Picture 3" descr="A picture containing text, clipart&#10;&#10;Description automatically generated">
            <a:extLst>
              <a:ext uri="{FF2B5EF4-FFF2-40B4-BE49-F238E27FC236}">
                <a16:creationId xmlns:a16="http://schemas.microsoft.com/office/drawing/2014/main" id="{FD312245-AD21-4949-BB45-B0BDAC105EAE}"/>
              </a:ext>
            </a:extLst>
          </p:cNvPr>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10783329" y="172457"/>
            <a:ext cx="1269818" cy="450915"/>
          </a:xfrm>
          <a:prstGeom prst="rect">
            <a:avLst/>
          </a:prstGeom>
        </p:spPr>
      </p:pic>
    </p:spTree>
    <p:extLst>
      <p:ext uri="{BB962C8B-B14F-4D97-AF65-F5344CB8AC3E}">
        <p14:creationId xmlns:p14="http://schemas.microsoft.com/office/powerpoint/2010/main" val="1294636624"/>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57ED21B-16E9-7442-A085-E4ADBDF25366}"/>
              </a:ext>
            </a:extLst>
          </p:cNvPr>
          <p:cNvSpPr>
            <a:spLocks noGrp="1"/>
          </p:cNvSpPr>
          <p:nvPr>
            <p:ph type="title"/>
          </p:nvPr>
        </p:nvSpPr>
        <p:spPr>
          <a:xfrm>
            <a:off x="467359" y="279079"/>
            <a:ext cx="10130203" cy="818201"/>
          </a:xfrm>
        </p:spPr>
        <p:txBody>
          <a:bodyPr/>
          <a:lstStyle/>
          <a:p>
            <a:r>
              <a:rPr lang="en-US" dirty="0"/>
              <a:t>ODP Business Solutions Resource Center</a:t>
            </a:r>
          </a:p>
        </p:txBody>
      </p:sp>
      <p:sp>
        <p:nvSpPr>
          <p:cNvPr id="16" name="TextBox 15">
            <a:extLst>
              <a:ext uri="{FF2B5EF4-FFF2-40B4-BE49-F238E27FC236}">
                <a16:creationId xmlns:a16="http://schemas.microsoft.com/office/drawing/2014/main" id="{00BB90E1-9367-A140-8643-A657F58EDA08}"/>
              </a:ext>
            </a:extLst>
          </p:cNvPr>
          <p:cNvSpPr txBox="1"/>
          <p:nvPr/>
        </p:nvSpPr>
        <p:spPr>
          <a:xfrm>
            <a:off x="2906996" y="4884874"/>
            <a:ext cx="6378007" cy="605797"/>
          </a:xfrm>
          <a:prstGeom prst="rect">
            <a:avLst/>
          </a:prstGeom>
          <a:noFill/>
        </p:spPr>
        <p:txBody>
          <a:bodyPr wrap="square" rtlCol="0">
            <a:spAutoFit/>
          </a:bodyPr>
          <a:lstStyle/>
          <a:p>
            <a:r>
              <a:rPr lang="en-US" sz="1600" dirty="0">
                <a:latin typeface="Open Sans" panose="020B0606030504020204" pitchFamily="34" charset="0"/>
                <a:ea typeface="Open Sans" panose="020B0606030504020204" pitchFamily="34" charset="0"/>
                <a:cs typeface="Open Sans" panose="020B0606030504020204" pitchFamily="34" charset="0"/>
              </a:rPr>
              <a:t>Our online </a:t>
            </a:r>
            <a:r>
              <a:rPr lang="en-US" sz="1600" b="1" u="sng" dirty="0">
                <a:solidFill>
                  <a:schemeClr val="accent1"/>
                </a:solidFill>
                <a:latin typeface="Open Sans" panose="020B0606030504020204" pitchFamily="34" charset="0"/>
                <a:ea typeface="Open Sans" panose="020B0606030504020204" pitchFamily="34" charset="0"/>
                <a:cs typeface="Open Sans" panose="020B0606030504020204" pitchFamily="34" charset="0"/>
                <a:hlinkClick r:id="rId5">
                  <a:extLst>
                    <a:ext uri="{A12FA001-AC4F-418D-AE19-62706E023703}">
                      <ahyp:hlinkClr xmlns:ahyp="http://schemas.microsoft.com/office/drawing/2018/hyperlinkcolor" val="tx"/>
                    </a:ext>
                  </a:extLst>
                </a:hlinkClick>
              </a:rPr>
              <a:t>Resource Center</a:t>
            </a:r>
            <a:r>
              <a:rPr lang="en-US" sz="1600" u="sng" dirty="0">
                <a:solidFill>
                  <a:srgbClr val="102B4E"/>
                </a:solidFill>
                <a:latin typeface="Open Sans" panose="020B0606030504020204" pitchFamily="34" charset="0"/>
                <a:ea typeface="Open Sans" panose="020B0606030504020204" pitchFamily="34" charset="0"/>
                <a:cs typeface="Open Sans" panose="020B0606030504020204" pitchFamily="34" charset="0"/>
              </a:rPr>
              <a:t> </a:t>
            </a:r>
            <a:r>
              <a:rPr lang="en-US" sz="1600" dirty="0">
                <a:latin typeface="Open Sans" panose="020B0606030504020204" pitchFamily="34" charset="0"/>
                <a:ea typeface="Open Sans" panose="020B0606030504020204" pitchFamily="34" charset="0"/>
                <a:cs typeface="Open Sans" panose="020B0606030504020204" pitchFamily="34" charset="0"/>
              </a:rPr>
              <a:t>has articles, case studies, videos, blogs and more to keep our customers informed &amp; inspired. </a:t>
            </a:r>
            <a:endParaRPr lang="en-US" sz="1600" dirty="0">
              <a:solidFill>
                <a:schemeClr val="accent1"/>
              </a:solidFill>
              <a:latin typeface="Open Sans" panose="020B0606030504020204" pitchFamily="34" charset="0"/>
              <a:ea typeface="Open Sans" panose="020B0606030504020204" pitchFamily="34" charset="0"/>
              <a:cs typeface="Open Sans" panose="020B0606030504020204" pitchFamily="34" charset="0"/>
            </a:endParaRPr>
          </a:p>
        </p:txBody>
      </p:sp>
      <p:pic>
        <p:nvPicPr>
          <p:cNvPr id="4" name="Picture 3" descr="A person sitting on a couch with a computer&#10;&#10;Description automatically generated">
            <a:extLst>
              <a:ext uri="{FF2B5EF4-FFF2-40B4-BE49-F238E27FC236}">
                <a16:creationId xmlns:a16="http://schemas.microsoft.com/office/drawing/2014/main" id="{E300FE03-72CC-357E-B21F-68DAEC8DADFF}"/>
              </a:ext>
            </a:extLst>
          </p:cNvPr>
          <p:cNvPicPr>
            <a:picLocks noChangeAspect="1"/>
          </p:cNvPicPr>
          <p:nvPr/>
        </p:nvPicPr>
        <p:blipFill rotWithShape="1">
          <a:blip r:embed="rId6">
            <a:extLst>
              <a:ext uri="{28A0092B-C50C-407E-A947-70E740481C1C}">
                <a14:useLocalDpi xmlns:a14="http://schemas.microsoft.com/office/drawing/2010/main" val="0"/>
              </a:ext>
            </a:extLst>
          </a:blip>
          <a:srcRect/>
          <a:stretch/>
        </p:blipFill>
        <p:spPr>
          <a:xfrm>
            <a:off x="1552755" y="1367329"/>
            <a:ext cx="5258592" cy="3224501"/>
          </a:xfrm>
          <a:prstGeom prst="rect">
            <a:avLst/>
          </a:prstGeom>
        </p:spPr>
      </p:pic>
      <p:pic>
        <p:nvPicPr>
          <p:cNvPr id="5" name="Picture 4">
            <a:extLst>
              <a:ext uri="{FF2B5EF4-FFF2-40B4-BE49-F238E27FC236}">
                <a16:creationId xmlns:a16="http://schemas.microsoft.com/office/drawing/2014/main" id="{B954DDFA-A504-3CF7-94CB-48795A9D4C03}"/>
              </a:ext>
            </a:extLst>
          </p:cNvPr>
          <p:cNvPicPr>
            <a:picLocks noChangeAspect="1"/>
          </p:cNvPicPr>
          <p:nvPr/>
        </p:nvPicPr>
        <p:blipFill>
          <a:blip r:embed="rId7"/>
          <a:stretch>
            <a:fillRect/>
          </a:stretch>
        </p:blipFill>
        <p:spPr>
          <a:xfrm>
            <a:off x="6811347" y="1268383"/>
            <a:ext cx="4286250" cy="3616491"/>
          </a:xfrm>
          <a:prstGeom prst="rect">
            <a:avLst/>
          </a:prstGeom>
        </p:spPr>
      </p:pic>
    </p:spTree>
    <p:custDataLst>
      <p:custData r:id="rId1"/>
      <p:custData r:id="rId2"/>
    </p:custDataLst>
    <p:extLst>
      <p:ext uri="{BB962C8B-B14F-4D97-AF65-F5344CB8AC3E}">
        <p14:creationId xmlns:p14="http://schemas.microsoft.com/office/powerpoint/2010/main" val="322676541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57ED21B-16E9-7442-A085-E4ADBDF25366}"/>
              </a:ext>
            </a:extLst>
          </p:cNvPr>
          <p:cNvSpPr>
            <a:spLocks noGrp="1"/>
          </p:cNvSpPr>
          <p:nvPr>
            <p:ph type="title"/>
          </p:nvPr>
        </p:nvSpPr>
        <p:spPr>
          <a:xfrm>
            <a:off x="467359" y="279079"/>
            <a:ext cx="10130203" cy="818201"/>
          </a:xfrm>
        </p:spPr>
        <p:txBody>
          <a:bodyPr/>
          <a:lstStyle/>
          <a:p>
            <a:r>
              <a:rPr lang="en-US" dirty="0"/>
              <a:t>ODP Business Solutions Community Involvement</a:t>
            </a:r>
          </a:p>
        </p:txBody>
      </p:sp>
      <p:sp>
        <p:nvSpPr>
          <p:cNvPr id="21" name="TextBox 20">
            <a:extLst>
              <a:ext uri="{FF2B5EF4-FFF2-40B4-BE49-F238E27FC236}">
                <a16:creationId xmlns:a16="http://schemas.microsoft.com/office/drawing/2014/main" id="{890CBFB4-C958-E757-D6FE-E71CAB318B3D}"/>
              </a:ext>
            </a:extLst>
          </p:cNvPr>
          <p:cNvSpPr txBox="1"/>
          <p:nvPr/>
        </p:nvSpPr>
        <p:spPr>
          <a:xfrm>
            <a:off x="2900022" y="4587037"/>
            <a:ext cx="6391953" cy="1569660"/>
          </a:xfrm>
          <a:prstGeom prst="rect">
            <a:avLst/>
          </a:prstGeom>
          <a:noFill/>
        </p:spPr>
        <p:txBody>
          <a:bodyPr wrap="square" rtlCol="0">
            <a:spAutoFit/>
          </a:bodyPr>
          <a:lstStyle/>
          <a:p>
            <a:r>
              <a:rPr lang="en-US" sz="1600" dirty="0">
                <a:latin typeface="Open Sans" panose="020B0606030504020204" pitchFamily="34" charset="0"/>
                <a:ea typeface="Open Sans" panose="020B0606030504020204" pitchFamily="34" charset="0"/>
                <a:cs typeface="Open Sans" panose="020B0606030504020204" pitchFamily="34" charset="0"/>
              </a:rPr>
              <a:t>As a founding partner of </a:t>
            </a:r>
            <a:r>
              <a:rPr lang="en-US" sz="1600" b="1" dirty="0">
                <a:solidFill>
                  <a:srgbClr val="102B4E"/>
                </a:solidFill>
                <a:latin typeface="Open Sans" panose="020B0606030504020204" pitchFamily="34" charset="0"/>
                <a:ea typeface="Open Sans" panose="020B0606030504020204" pitchFamily="34" charset="0"/>
                <a:cs typeface="Open Sans" panose="020B0606030504020204" pitchFamily="34" charset="0"/>
                <a:hlinkClick r:id="rId5">
                  <a:extLst>
                    <a:ext uri="{A12FA001-AC4F-418D-AE19-62706E023703}">
                      <ahyp:hlinkClr xmlns:ahyp="http://schemas.microsoft.com/office/drawing/2018/hyperlinkcolor" val="tx"/>
                    </a:ext>
                  </a:extLst>
                </a:hlinkClick>
              </a:rPr>
              <a:t>ELEVATE TOGETHER</a:t>
            </a:r>
            <a:r>
              <a:rPr lang="en-US" sz="1600" b="1" dirty="0">
                <a:latin typeface="Open Sans" panose="020B0606030504020204" pitchFamily="34" charset="0"/>
                <a:ea typeface="Open Sans" panose="020B0606030504020204" pitchFamily="34" charset="0"/>
                <a:cs typeface="Open Sans" panose="020B0606030504020204" pitchFamily="34" charset="0"/>
              </a:rPr>
              <a:t>®, </a:t>
            </a:r>
            <a:r>
              <a:rPr lang="en-US" sz="1600" dirty="0">
                <a:latin typeface="Open Sans" panose="020B0606030504020204" pitchFamily="34" charset="0"/>
                <a:ea typeface="Open Sans" panose="020B0606030504020204" pitchFamily="34" charset="0"/>
                <a:cs typeface="Open Sans" panose="020B0606030504020204" pitchFamily="34" charset="0"/>
              </a:rPr>
              <a:t>ODP Business Solutions actively partners with this initiative designed to aid business growth and profitability in Black and Hispanic communities.</a:t>
            </a:r>
          </a:p>
          <a:p>
            <a:endParaRPr lang="en-US" sz="1600" dirty="0">
              <a:latin typeface="Open Sans" panose="020B0606030504020204" pitchFamily="34" charset="0"/>
              <a:ea typeface="Open Sans" panose="020B0606030504020204" pitchFamily="34" charset="0"/>
              <a:cs typeface="Open Sans" panose="020B0606030504020204" pitchFamily="34" charset="0"/>
            </a:endParaRPr>
          </a:p>
          <a:p>
            <a:r>
              <a:rPr lang="en-US" sz="1600" b="1" dirty="0">
                <a:solidFill>
                  <a:srgbClr val="102B4E"/>
                </a:solidFill>
                <a:latin typeface="Open Sans" panose="020B0606030504020204" pitchFamily="34" charset="0"/>
                <a:ea typeface="Open Sans" panose="020B0606030504020204" pitchFamily="34" charset="0"/>
                <a:cs typeface="Open Sans" panose="020B0606030504020204" pitchFamily="34" charset="0"/>
                <a:hlinkClick r:id="rId5">
                  <a:extLst>
                    <a:ext uri="{A12FA001-AC4F-418D-AE19-62706E023703}">
                      <ahyp:hlinkClr xmlns:ahyp="http://schemas.microsoft.com/office/drawing/2018/hyperlinkcolor" val="tx"/>
                    </a:ext>
                  </a:extLst>
                </a:hlinkClick>
              </a:rPr>
              <a:t>Learn</a:t>
            </a:r>
            <a:r>
              <a:rPr lang="en-US" sz="1600" b="1" dirty="0">
                <a:solidFill>
                  <a:srgbClr val="FFCC32"/>
                </a:solidFill>
                <a:latin typeface="Open Sans" panose="020B0606030504020204" pitchFamily="34" charset="0"/>
                <a:ea typeface="Open Sans" panose="020B0606030504020204" pitchFamily="34" charset="0"/>
                <a:cs typeface="Open Sans" panose="020B0606030504020204" pitchFamily="34" charset="0"/>
                <a:hlinkClick r:id="rId5">
                  <a:extLst>
                    <a:ext uri="{A12FA001-AC4F-418D-AE19-62706E023703}">
                      <ahyp:hlinkClr xmlns:ahyp="http://schemas.microsoft.com/office/drawing/2018/hyperlinkcolor" val="tx"/>
                    </a:ext>
                  </a:extLst>
                </a:hlinkClick>
              </a:rPr>
              <a:t> </a:t>
            </a:r>
            <a:r>
              <a:rPr lang="en-US" sz="1600" b="1" dirty="0">
                <a:solidFill>
                  <a:srgbClr val="102B4E"/>
                </a:solidFill>
                <a:latin typeface="Open Sans" panose="020B0606030504020204" pitchFamily="34" charset="0"/>
                <a:ea typeface="Open Sans" panose="020B0606030504020204" pitchFamily="34" charset="0"/>
                <a:cs typeface="Open Sans" panose="020B0606030504020204" pitchFamily="34" charset="0"/>
                <a:hlinkClick r:id="rId5">
                  <a:extLst>
                    <a:ext uri="{A12FA001-AC4F-418D-AE19-62706E023703}">
                      <ahyp:hlinkClr xmlns:ahyp="http://schemas.microsoft.com/office/drawing/2018/hyperlinkcolor" val="tx"/>
                    </a:ext>
                  </a:extLst>
                </a:hlinkClick>
              </a:rPr>
              <a:t>more</a:t>
            </a:r>
            <a:r>
              <a:rPr lang="en-US" sz="1600" b="1" dirty="0">
                <a:solidFill>
                  <a:srgbClr val="102B4E"/>
                </a:solidFill>
                <a:latin typeface="Open Sans" panose="020B0606030504020204" pitchFamily="34" charset="0"/>
                <a:ea typeface="Open Sans" panose="020B0606030504020204" pitchFamily="34" charset="0"/>
                <a:cs typeface="Open Sans" panose="020B0606030504020204" pitchFamily="34" charset="0"/>
              </a:rPr>
              <a:t> </a:t>
            </a:r>
            <a:r>
              <a:rPr lang="en-US" sz="1600" dirty="0">
                <a:latin typeface="Open Sans" panose="020B0606030504020204" pitchFamily="34" charset="0"/>
                <a:ea typeface="Open Sans" panose="020B0606030504020204" pitchFamily="34" charset="0"/>
                <a:cs typeface="Open Sans" panose="020B0606030504020204" pitchFamily="34" charset="0"/>
              </a:rPr>
              <a:t>about our partnership with Elevate Together®.</a:t>
            </a:r>
            <a:endParaRPr lang="en-US" sz="1600" dirty="0">
              <a:solidFill>
                <a:schemeClr val="accent1"/>
              </a:solidFill>
              <a:latin typeface="Open Sans" panose="020B0606030504020204" pitchFamily="34" charset="0"/>
              <a:ea typeface="Open Sans" panose="020B0606030504020204" pitchFamily="34" charset="0"/>
              <a:cs typeface="Open Sans" panose="020B0606030504020204" pitchFamily="34" charset="0"/>
            </a:endParaRPr>
          </a:p>
        </p:txBody>
      </p:sp>
      <p:pic>
        <p:nvPicPr>
          <p:cNvPr id="4" name="Picture 3">
            <a:extLst>
              <a:ext uri="{FF2B5EF4-FFF2-40B4-BE49-F238E27FC236}">
                <a16:creationId xmlns:a16="http://schemas.microsoft.com/office/drawing/2014/main" id="{8835999F-D97F-B860-441D-6FFB33212BB9}"/>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1494692" y="985431"/>
            <a:ext cx="5699210" cy="3601606"/>
          </a:xfrm>
          <a:prstGeom prst="rect">
            <a:avLst/>
          </a:prstGeom>
        </p:spPr>
      </p:pic>
      <p:pic>
        <p:nvPicPr>
          <p:cNvPr id="3" name="Picture 2">
            <a:extLst>
              <a:ext uri="{FF2B5EF4-FFF2-40B4-BE49-F238E27FC236}">
                <a16:creationId xmlns:a16="http://schemas.microsoft.com/office/drawing/2014/main" id="{8705B7D0-8627-46E2-740E-343E07199204}"/>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644905" y="1297132"/>
            <a:ext cx="1780132" cy="664583"/>
          </a:xfrm>
          <a:prstGeom prst="rect">
            <a:avLst/>
          </a:prstGeom>
        </p:spPr>
      </p:pic>
      <p:pic>
        <p:nvPicPr>
          <p:cNvPr id="6" name="Picture 5">
            <a:extLst>
              <a:ext uri="{FF2B5EF4-FFF2-40B4-BE49-F238E27FC236}">
                <a16:creationId xmlns:a16="http://schemas.microsoft.com/office/drawing/2014/main" id="{0D7200A6-5506-B6C6-1543-B5E0F4393F62}"/>
              </a:ext>
            </a:extLst>
          </p:cNvPr>
          <p:cNvPicPr>
            <a:picLocks noChangeAspect="1"/>
          </p:cNvPicPr>
          <p:nvPr/>
        </p:nvPicPr>
        <p:blipFill>
          <a:blip r:embed="rId8"/>
          <a:stretch>
            <a:fillRect/>
          </a:stretch>
        </p:blipFill>
        <p:spPr>
          <a:xfrm>
            <a:off x="7344115" y="838006"/>
            <a:ext cx="3796636" cy="3817970"/>
          </a:xfrm>
          <a:prstGeom prst="rect">
            <a:avLst/>
          </a:prstGeom>
        </p:spPr>
      </p:pic>
    </p:spTree>
    <p:custDataLst>
      <p:custData r:id="rId1"/>
      <p:custData r:id="rId2"/>
    </p:custDataLst>
    <p:extLst>
      <p:ext uri="{BB962C8B-B14F-4D97-AF65-F5344CB8AC3E}">
        <p14:creationId xmlns:p14="http://schemas.microsoft.com/office/powerpoint/2010/main" val="3522286551"/>
      </p:ext>
    </p:extLst>
  </p:cSld>
  <p:clrMapOvr>
    <a:masterClrMapping/>
  </p:clrMapOvr>
</p:sld>
</file>

<file path=ppt/theme/theme1.xml><?xml version="1.0" encoding="utf-8"?>
<a:theme xmlns:a="http://schemas.openxmlformats.org/drawingml/2006/main" name="Office Theme">
  <a:themeElements>
    <a:clrScheme name="ODP">
      <a:dk1>
        <a:srgbClr val="102B4E"/>
      </a:dk1>
      <a:lt1>
        <a:srgbClr val="FFFFFF"/>
      </a:lt1>
      <a:dk2>
        <a:srgbClr val="58595B"/>
      </a:dk2>
      <a:lt2>
        <a:srgbClr val="E7E6E6"/>
      </a:lt2>
      <a:accent1>
        <a:srgbClr val="102B4E"/>
      </a:accent1>
      <a:accent2>
        <a:srgbClr val="FFCC32"/>
      </a:accent2>
      <a:accent3>
        <a:srgbClr val="0033CC"/>
      </a:accent3>
      <a:accent4>
        <a:srgbClr val="20C3F3"/>
      </a:accent4>
      <a:accent5>
        <a:srgbClr val="EF360F"/>
      </a:accent5>
      <a:accent6>
        <a:srgbClr val="58595B"/>
      </a:accent6>
      <a:hlink>
        <a:srgbClr val="FFCC32"/>
      </a:hlink>
      <a:folHlink>
        <a:srgbClr val="102B4E"/>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1_Office Theme">
  <a:themeElements>
    <a:clrScheme name="ODP">
      <a:dk1>
        <a:srgbClr val="102B4E"/>
      </a:dk1>
      <a:lt1>
        <a:srgbClr val="FFFFFF"/>
      </a:lt1>
      <a:dk2>
        <a:srgbClr val="58595B"/>
      </a:dk2>
      <a:lt2>
        <a:srgbClr val="E7E6E6"/>
      </a:lt2>
      <a:accent1>
        <a:srgbClr val="102B4E"/>
      </a:accent1>
      <a:accent2>
        <a:srgbClr val="FFCC32"/>
      </a:accent2>
      <a:accent3>
        <a:srgbClr val="0033CC"/>
      </a:accent3>
      <a:accent4>
        <a:srgbClr val="20C3F3"/>
      </a:accent4>
      <a:accent5>
        <a:srgbClr val="EF360F"/>
      </a:accent5>
      <a:accent6>
        <a:srgbClr val="58595B"/>
      </a:accent6>
      <a:hlink>
        <a:srgbClr val="FFCC32"/>
      </a:hlink>
      <a:folHlink>
        <a:srgbClr val="102B4E"/>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2_Office Theme">
  <a:themeElements>
    <a:clrScheme name="ODOM">
      <a:dk1>
        <a:srgbClr val="212121"/>
      </a:dk1>
      <a:lt1>
        <a:srgbClr val="FFFFFF"/>
      </a:lt1>
      <a:dk2>
        <a:srgbClr val="EAEAEA"/>
      </a:dk2>
      <a:lt2>
        <a:srgbClr val="D5D5D5"/>
      </a:lt2>
      <a:accent1>
        <a:srgbClr val="CF202E"/>
      </a:accent1>
      <a:accent2>
        <a:srgbClr val="09AFBB"/>
      </a:accent2>
      <a:accent3>
        <a:srgbClr val="9A202E"/>
      </a:accent3>
      <a:accent4>
        <a:srgbClr val="0097A5"/>
      </a:accent4>
      <a:accent5>
        <a:srgbClr val="4BACC6"/>
      </a:accent5>
      <a:accent6>
        <a:srgbClr val="C0C0C0"/>
      </a:accent6>
      <a:hlink>
        <a:srgbClr val="09AFBB"/>
      </a:hlink>
      <a:folHlink>
        <a:srgbClr val="CF202E"/>
      </a:folHlink>
    </a:clrScheme>
    <a:fontScheme name="Office Them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VariableListDefinition name="AD_HOC" displayName="AD_HOC" id="62d73a57-94b7-4876-894a-3e218f923307" isdomainofvalue="False" dataSourceId="956c5d79-73c4-43d1-b631-4159ae1e3798">
  <Variable name="TotalReturns" type="STRING" dataFieldId="fb09190e-1529-4653-bc2c-e111de45bfd6"/>
  <Variable name="ReturnRate" type="STRING" dataFieldId="efd7c1b4-a693-4b11-a3bd-9105213a6545"/>
  <Variable name="AdjacenciesTitle" type="STRING" dataFieldId="d8546ee6-952e-4923-86ad-87ac21cb62d6"/>
  <Variable name="SelectedAdjacencies" type="STRING" dataFieldId="afdeef9b-0f11-4099-8a79-3fc0c06f0516"/>
</VariableListDefini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DataSourceInfo>
  <Id>956c5d79-73c4-43d1-b631-4159ae1e3798</Id>
  <MajorVersion>0</MajorVersion>
  <MinorVersion>1</MinorVersion>
  <DataSourceType>Ad_Hoc</DataSourceType>
  <Name>AD_HOC</Name>
  <Description/>
  <Filter/>
  <DataFields>
    <FieldInfo>
      <Id>fb09190e-1529-4653-bc2c-e111de45bfd6</Id>
      <Name>TotalReturns</Name>
      <Description/>
      <ExpressionString/>
      <FieldType>System.String</FieldType>
      <Filter/>
      <DefaultValue/>
      <IsInputParameter>false</IsInputParameter>
      <IsInputMultipleValues>false</IsInputMultipleValues>
      <IncludeInRecordSelector>true</IncludeInRecordSelector>
      <IsRepeating>false</IsRepeating>
      <IsKeyField>false</IsKeyField>
      <Required>false</Required>
      <NativeSourceType>String</NativeSourceType>
      <MaxLength>0</MaxLength>
      <DynamicDomainOfValueSourceId/>
      <TrimEmptyRows>false</TrimEmptyRows>
      <CanIncludeInModel>true</CanIncludeInModel>
      <IncludeInModel>true</IncludeInModel>
      <IsPartial>false</IsPartial>
      <IsValid>true</IsValid>
      <NativeFieldMapping/>
      <OriginalName>TotalReturns</OriginalName>
      <ValidationMessage/>
    </FieldInfo>
    <FieldInfo>
      <Id>efd7c1b4-a693-4b11-a3bd-9105213a6545</Id>
      <Name>ReturnRate</Name>
      <Description/>
      <ExpressionString/>
      <FieldType>System.String</FieldType>
      <Filter/>
      <DefaultValue/>
      <IsInputParameter>false</IsInputParameter>
      <IsInputMultipleValues>false</IsInputMultipleValues>
      <IncludeInRecordSelector>true</IncludeInRecordSelector>
      <IsRepeating>false</IsRepeating>
      <IsKeyField>false</IsKeyField>
      <Required>false</Required>
      <NativeSourceType>String</NativeSourceType>
      <MaxLength>0</MaxLength>
      <DynamicDomainOfValueSourceId/>
      <TrimEmptyRows>false</TrimEmptyRows>
      <CanIncludeInModel>true</CanIncludeInModel>
      <IncludeInModel>true</IncludeInModel>
      <IsPartial>false</IsPartial>
      <IsValid>true</IsValid>
      <NativeFieldMapping/>
      <OriginalName>ReturnRate</OriginalName>
      <ValidationMessage/>
    </FieldInfo>
    <FieldInfo>
      <Id>d8546ee6-952e-4923-86ad-87ac21cb62d6</Id>
      <Name>AdjacenciesTitle</Name>
      <Description/>
      <ExpressionString/>
      <FieldType>System.String</FieldType>
      <Filter/>
      <DefaultValue/>
      <IsInputParameter>false</IsInputParameter>
      <IsInputMultipleValues>false</IsInputMultipleValues>
      <IncludeInRecordSelector>true</IncludeInRecordSelector>
      <IsRepeating>false</IsRepeating>
      <IsKeyField>false</IsKeyField>
      <Required>false</Required>
      <NativeSourceType>String</NativeSourceType>
      <MaxLength>0</MaxLength>
      <DynamicDomainOfValueSourceId/>
      <TrimEmptyRows>false</TrimEmptyRows>
      <CanIncludeInModel>true</CanIncludeInModel>
      <IncludeInModel>true</IncludeInModel>
      <IsPartial>false</IsPartial>
      <IsValid>true</IsValid>
      <NativeFieldMapping/>
      <OriginalName>AdjacenciesTitle</OriginalName>
      <ValidationMessage/>
    </FieldInfo>
    <FieldInfo>
      <Id>afdeef9b-0f11-4099-8a79-3fc0c06f0516</Id>
      <Name>SelectedAdjacencies</Name>
      <Description/>
      <ExpressionString/>
      <FieldType>System.String</FieldType>
      <Filter/>
      <DefaultValue/>
      <IsInputParameter>false</IsInputParameter>
      <IsInputMultipleValues>false</IsInputMultipleValues>
      <IncludeInRecordSelector>true</IncludeInRecordSelector>
      <IsRepeating>false</IsRepeating>
      <IsKeyField>false</IsKeyField>
      <Required>false</Required>
      <NativeSourceType>String</NativeSourceType>
      <MaxLength>0</MaxLength>
      <DynamicDomainOfValueSourceId/>
      <TrimEmptyRows>false</TrimEmptyRows>
      <CanIncludeInModel>true</CanIncludeInModel>
      <IncludeInModel>true</IncludeInModel>
      <IsPartial>false</IsPartial>
      <IsValid>true</IsValid>
      <NativeFieldMapping/>
      <OriginalName>SelectedAdjacencies</OriginalName>
      <ValidationMessage/>
    </FieldInfo>
  </DataFields>
</DataSourceInfo>
</file>

<file path=customXml/item13.xml><?xml version="1.0" encoding="utf-8"?>
<TemplafySlideTemplateConfiguration><![CDATA[{"slideVersion":1,"isValidatorEnabled":false,"isLocked":false,"elementsMetadata":[],"slideId":"939356481441497092","enableDocumentContentUpdater":false,"version":"2.0"}]]></TemplafySlideTemplateConfiguration>
</file>

<file path=customXml/item14.xml><?xml version="1.0" encoding="utf-8"?>
<VariableList UniqueId="11691df7-35a1-4d38-b972-3049f08f7c1e" Name="Computed" ContentType="XML" MajorVersion="0" MinorVersion="1" isLocalCopy="False" IsBaseObject="False" DataSourceId="76920798-4799-433d-bb69-1527ad663a55" DataSourceMajorVersion="0" DataSourceMinorVersion="1"/>
</file>

<file path=customXml/item15.xml><?xml version="1.0" encoding="utf-8"?>
<DataSourceMapping>
  <Id>18601984-12bf-4a6d-916c-5df7fb08f5e5</Id>
  <Name>EXPRESSION_VARIABLE_MAPPING</Name>
  <TargetDataSource>d2294f9b-edda-415f-8df4-c92675924b11</TargetDataSource>
  <SourceType>XML File</SourceType>
  <IsReadOnly>false</IsReadOnly>
  <SalesforceOrganizationId>00000000-0000-0000-0000-000000000000</SalesforceOrganizationId>
  <SalesforceOrganizationName/>
  <SalesforceApiVersion/>
  <Properties/>
  <RawMappings/>
  <DesignTimeProperties/>
</DataSourceMapping>
</file>

<file path=customXml/item16.xml><?xml version="1.0" encoding="utf-8"?>
<TemplafySlideTemplateConfiguration><![CDATA[{"slideVersion":1,"isValidatorEnabled":false,"isLocked":false,"elementsMetadata":[],"slideId":"939356481441497123","enableDocumentContentUpdater":false,"version":"2.0"}]]></TemplafySlideTemplateConfiguration>
</file>

<file path=customXml/item17.xml><?xml version="1.0" encoding="utf-8"?>
<TemplafySlideTemplateConfiguration><![CDATA[{"slideVersion":1,"isValidatorEnabled":false,"isLocked":false,"elementsMetadata":[],"slideId":"939356481441497138","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939356481441497125","enableDocumentContentUpdater":false,"version":"2.0"}]]></TemplafySlideTemplateConfiguration>
</file>

<file path=customXml/item20.xml><?xml version="1.0" encoding="utf-8"?>
<TemplafyTemplateConfiguration><![CDATA[{"elementsMetadata":[],"transformationConfigurations":[{"binding":"{{Form.Test2.Result.Value}}","namespace":"http://documotor.com/customXml","path":"/*/json:snowflakeinfo","disableUpdates":false,"type":"customXmlValue"},{"binding":"{{Form.ComplianceSpend}}","namespace":"http://documotor.com/customXml","path":"/*/json:compliancespend","disableUpdates":false,"type":"customXmlValue"}],"templateName":"Standard Business Review","templateDescription":"","enableDocumentContentUpdater":true,"version":"2.0"}]]></TemplafyTemplateConfiguration>
</file>

<file path=customXml/item21.xml><?xml version="1.0" encoding="utf-8"?>
<TemplafySlideFormConfiguration><![CDATA[{"formFields":[],"formDataEntries":[]}]]></TemplafySlideFormConfiguration>
</file>

<file path=customXml/item22.xml><?xml version="1.0" encoding="utf-8"?>
<DataSourceMapping>
  <Id>c2613c6d-5f2f-451e-a829-04e94248d1c3</Id>
  <Name>EXPRESSION_VARIABLE_MAPPING</Name>
  <TargetDataSource>76920798-4799-433d-bb69-1527ad663a55</TargetDataSource>
  <SourceType>XML File</SourceType>
  <IsReadOnly>false</IsReadOnly>
  <SalesforceOrganizationId>00000000-0000-0000-0000-000000000000</SalesforceOrganizationId>
  <SalesforceOrganizationName/>
  <SalesforceApiVersion/>
  <Properties/>
  <RawMappings/>
  <DesignTimeProperties/>
</DataSourceMapping>
</file>

<file path=customXml/item23.xml><?xml version="1.0" encoding="utf-8"?>
<DataSourceInfo>
  <Id>76920798-4799-433d-bb69-1527ad663a55</Id>
  <MajorVersion>0</MajorVersion>
  <MinorVersion>1</MinorVersion>
  <DataSourceType>Expression</DataSourceType>
  <Name>Computed</Name>
  <Description/>
  <Filter/>
  <DataFields/>
</DataSourceInfo>
</file>

<file path=customXml/item24.xml><?xml version="1.0" encoding="utf-8"?>
<TemplafySlideTemplateConfiguration><![CDATA[{"slideVersion":1,"isValidatorEnabled":false,"isLocked":false,"elementsMetadata":[],"slideId":"939356481441497128","enableDocumentContentUpdater":false,"version":"2.0"}]]></TemplafySlideTemplateConfiguration>
</file>

<file path=customXml/item25.xml><?xml version="1.0" encoding="utf-8"?>
<TemplafySlideTemplateConfiguration><![CDATA[{"slideVersion":1,"isValidatorEnabled":false,"isLocked":false,"elementsMetadata":[],"slideId":"939356481441497118","enableDocumentContentUpdater":false,"version":"2.0"}]]></TemplafySlideTemplateConfiguration>
</file>

<file path=customXml/item26.xml><?xml version="1.0" encoding="utf-8"?>
<VariableList UniqueId="b75ff726-a649-461c-9d03-5f6596c5065c" Name="System" ContentType="XML" MajorVersion="0" MinorVersion="1" isLocalCopy="False" IsBaseObject="False" DataSourceId="d2294f9b-edda-415f-8df4-c92675924b11" DataSourceMajorVersion="0" DataSourceMinorVersion="1"/>
</file>

<file path=customXml/item27.xml><?xml version="1.0" encoding="utf-8"?>
<TemplafySlideTemplateConfiguration><![CDATA[{"slideVersion":1,"isValidatorEnabled":false,"isLocked":false,"elementsMetadata":[],"slideId":"939356481441497115","enableDocumentContentUpdater":false,"version":"2.0"}]]></TemplafySlideTemplateConfiguration>
</file>

<file path=customXml/item28.xml><?xml version="1.0" encoding="utf-8"?>
<pd:PersonalizationDefinition xmlns:pd="Strauss.PersonalizationDefinition" name="">
  <pd:DataReferenceList>
    <pd:DataReference datasourceID="e2af335b-8d28-4f4a-9ad1-fd31fe1e1b06" dataFieldID="5d4e9c09-fc24-47c4-ad03-28658d879910" variableListUniqueId="039c3993-3e58-442b-baad-ed0ea944c73b"/>
    <pd:DataReference datasourceID="e2af335b-8d28-4f4a-9ad1-fd31fe1e1b06" dataFieldID="cfef41e6-b072-49f1-b52d-0a4c3006e37e" variableListUniqueId="039c3993-3e58-442b-baad-ed0ea944c73b"/>
  </pd:DataReferenceList>
  <pd:DynamicChartPD name="" desc="" uid="" chartName="Dynamic Chart" chartType="SIMPLE_DYNAMIC_CHART" isSingleValueData="False" IgnoreZeroData="False" IgnoreOuterZeroEmptySeries="False">
    <pd:DataReferenceList>
      <pd:DataReference datasourceID="e2af335b-8d28-4f4a-9ad1-fd31fe1e1b06" dataFieldID="5d4e9c09-fc24-47c4-ad03-28658d879910" variableListUniqueId="039c3993-3e58-442b-baad-ed0ea944c73b"/>
      <pd:DataReference datasourceID="e2af335b-8d28-4f4a-9ad1-fd31fe1e1b06" dataFieldID="cfef41e6-b072-49f1-b52d-0a4c3006e37e" variableListUniqueId="039c3993-3e58-442b-baad-ed0ea944c73b"/>
    </pd:DataReferenceList>
    <pd:BoundTableVariable/>
    <pd:BoundChartTitleVariable/>
    <pd:ChartDataSeries>
      <pd:DataSeries index="0" isCateogry="True" legend="Period_Date" IsVariableLegend="False">
        <pd:DataReference datasourceID="e2af335b-8d28-4f4a-9ad1-fd31fe1e1b06" dataFieldID="5d4e9c09-fc24-47c4-ad03-28658d879910" variableListUniqueId="039c3993-3e58-442b-baad-ed0ea944c73b"/>
      </pd:DataSeries>
      <pd:DataSeries index="1" isCateogry="False" legend="TotalReturnCnt" IsVariableLegend="False">
        <pd:DataReference datasourceID="e2af335b-8d28-4f4a-9ad1-fd31fe1e1b06" dataFieldID="cfef41e6-b072-49f1-b52d-0a4c3006e37e" variableListUniqueId="039c3993-3e58-442b-baad-ed0ea944c73b"/>
      </pd:DataSeries>
    </pd:ChartDataSeries>
    <pd:Condition rel="&amp;&amp;"/>
    <pd:SortDescriptor name="" desc="" uid="">
      <pd:SortItem QualifiedFullID="039c3993-3e58-442b-baad-ed0ea944c73b:e2af335b-8d28-4f4a-9ad1-fd31fe1e1b06:5d4e9c09-fc24-47c4-ad03-28658d879910" SortCondition="DESC"/>
    </pd:SortDescriptor>
  </pd:DynamicChartPD>
</pd:PersonalizationDefinition>
</file>

<file path=customXml/item29.xml><?xml version="1.0" encoding="utf-8"?>
<root xmlns="http://documotor.com/customXml" xmlns:json="http://documotor.com/customXml/json" xmlns:string="http://documotor.com/customXml/string">
  <json:snowflakeinfo>{"reportType":"ly","id":"921","periodFrom":202401,"periodTo":202408}</json:snowflakeinfo>
  <json:compliancespend>1</json:compliancespend>
</root>
</file>

<file path=customXml/item3.xml><?xml version="1.0" encoding="utf-8"?>
<ct:contentTypeSchema xmlns:ct="http://schemas.microsoft.com/office/2006/metadata/contentType" xmlns:ma="http://schemas.microsoft.com/office/2006/metadata/properties/metaAttributes" ct:_="" ma:_="" ma:contentTypeName="Document" ma:contentTypeID="0x0101003F1247B773D7AF42B31268DF6ECBEE93" ma:contentTypeVersion="16" ma:contentTypeDescription="Create a new document." ma:contentTypeScope="" ma:versionID="0156ce5a235a90c9dbd10632deb0cf37">
  <xsd:schema xmlns:xsd="http://www.w3.org/2001/XMLSchema" xmlns:xs="http://www.w3.org/2001/XMLSchema" xmlns:p="http://schemas.microsoft.com/office/2006/metadata/properties" xmlns:ns2="bb3675d7-82db-44b2-9da9-48c6a56c6e92" xmlns:ns3="4e2c1b22-888d-430b-9d68-c33f20129457" targetNamespace="http://schemas.microsoft.com/office/2006/metadata/properties" ma:root="true" ma:fieldsID="99d427b57cd078ac13b5b3fd116c4196" ns2:_="" ns3:_="">
    <xsd:import namespace="bb3675d7-82db-44b2-9da9-48c6a56c6e92"/>
    <xsd:import namespace="4e2c1b22-888d-430b-9d68-c33f20129457"/>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2:MediaServiceLocation"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b3675d7-82db-44b2-9da9-48c6a56c6e9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3190cdfe-97b9-45a7-9fbe-812de5b2030f"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4e2c1b22-888d-430b-9d68-c33f20129457"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2d876f95-37ed-4fc7-ba9d-d61638fbd221}" ma:internalName="TaxCatchAll" ma:showField="CatchAllData" ma:web="4e2c1b22-888d-430b-9d68-c33f2012945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0.xml><?xml version="1.0" encoding="utf-8"?>
<pd:PersonalizationDefinition xmlns:pd="Strauss.PersonalizationDefinition" name="">
  <pd:DataReferenceList>
    <pd:DataReference datasourceID="ccace109-6539-4eda-91ac-fa552dc6c821" dataFieldID="1f375e9e-d0f6-43ce-ade9-43ba442f355a" variableListUniqueId="3088c0bf-2d02-4db0-9660-b89a9ece1c79"/>
    <pd:DataReference datasourceID="e2af335b-8d28-4f4a-9ad1-fd31fe1e1b06" dataFieldID="10020695-5298-4612-af3e-4495064fe861" variableListUniqueId="039c3993-3e58-442b-baad-ed0ea944c73b"/>
  </pd:DataReferenceList>
  <pd:DynamicChartPD name="" desc="" uid="" chartName="Dynamic Chart" chartType="SIMPLE_DYNAMIC_CHART" isSingleValueData="True" IgnoreZeroData="False" IgnoreOuterZeroEmptySeries="False">
    <pd:DataReferenceList>
      <pd:DataReference datasourceID="ccace109-6539-4eda-91ac-fa552dc6c821" dataFieldID="1f375e9e-d0f6-43ce-ade9-43ba442f355a" variableListUniqueId="3088c0bf-2d02-4db0-9660-b89a9ece1c79"/>
      <pd:DataReference datasourceID="e2af335b-8d28-4f4a-9ad1-fd31fe1e1b06" dataFieldID="10020695-5298-4612-af3e-4495064fe861" variableListUniqueId="039c3993-3e58-442b-baad-ed0ea944c73b"/>
    </pd:DataReferenceList>
    <pd:BoundTableVariable/>
    <pd:BoundChartTitleVariable/>
    <pd:ChartDataSeries>
      <pd:DataSeries index="1" isCateogry="False" legend="Compliance Spend" IsVariableLegend="False">
        <pd:DataReference datasourceID="ccace109-6539-4eda-91ac-fa552dc6c821" dataFieldID="1f375e9e-d0f6-43ce-ade9-43ba442f355a" variableListUniqueId="3088c0bf-2d02-4db0-9660-b89a9ece1c79"/>
      </pd:DataSeries>
      <pd:DataSeries index="2" isCateogry="False" legend="Current Spend" IsVariableLegend="False">
        <pd:DataReference datasourceID="e2af335b-8d28-4f4a-9ad1-fd31fe1e1b06" dataFieldID="10020695-5298-4612-af3e-4495064fe861" variableListUniqueId="039c3993-3e58-442b-baad-ed0ea944c73b"/>
      </pd:DataSeries>
    </pd:ChartDataSeries>
    <pd:Condition rel=""/>
    <pd:SortDescriptor name="" desc="" uid=""/>
  </pd:DynamicChartPD>
</pd:PersonalizationDefinition>
</file>

<file path=customXml/item31.xml><?xml version="1.0" encoding="utf-8"?>
<TemplafySlideTemplateConfiguration><![CDATA[{"slideVersion":1,"isValidatorEnabled":false,"isLocked":false,"elementsMetadata":[],"slideId":"939356481441497094","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939356481441497120","enableDocumentContentUpdater":false,"version":"2.0"}]]></TemplafySlideTemplateConfiguration>
</file>

<file path=customXml/item34.xml><?xml version="1.0" encoding="utf-8"?>
<DataSourceMapping>
  <Id>b57c2b81-aaab-4b0d-b630-aa673306cd82</Id>
  <Name>AD_HOC_MAPPING</Name>
  <TargetDataSource>956c5d79-73c4-43d1-b631-4159ae1e3798</TargetDataSource>
  <SourceType>XML File</SourceType>
  <IsReadOnly>false</IsReadOnly>
  <SalesforceOrganizationId>00000000-0000-0000-0000-000000000000</SalesforceOrganizationId>
  <SalesforceOrganizationName/>
  <SalesforceApiVersion/>
  <Properties>
    <Property Name="RecordSeperator" Value="SampleData/DataRecord"/>
  </Properties>
  <RawMappings>
    <RawMapping DataFieldId="fb09190e-1529-4653-bc2c-e111de45bfd6" Mapping="DataRecord/TotalReturns"/>
    <RawMapping DataFieldId="efd7c1b4-a693-4b11-a3bd-9105213a6545" Mapping="DataRecord/ReturnRate"/>
    <RawMapping DataFieldId="d8546ee6-952e-4923-86ad-87ac21cb62d6" Mapping="DataRecord/AdjacenciesTitle"/>
    <RawMapping DataFieldId="afdeef9b-0f11-4099-8a79-3fc0c06f0516" Mapping="DataRecord/SelectedAdjacencies"/>
  </RawMappings>
  <DesignTimeProperties/>
</DataSourceMapping>
</file>

<file path=customXml/item35.xml><?xml version="1.0" encoding="utf-8"?>
<TemplafyFormConfiguration><![CDATA[{"formFields":[{"required":false,"autoSelectFirstOption":false,"helpTexts":{"postfix":"\"Note: Enter the values in the format \"Client ID >> Start date (year and month) >> End date (year and month) >> Time period\". E.g, \"56755677 (GILEAD IPROCURE ACCT) >> 202201 >> 202206 >> Last Year\"\""},"dataSourceName":"ThreeInOne","dataSourceFieldName":"SearchPath","dataSourceKeyName":"Id","shareValue":false,"type":"dataConnectorComboBox","name":"Test2","label":"Select client and range"},{"required":false,"helpTexts":{"postfix":"Enter the Compliance Spend Value as: 10000 "},"shareValue":false,"type":"number","name":"ComplianceSpend","label":"Compliance Spend"}],"formDataEntries":[{"name":"Test2","value":"ek05JrFxQfk2cIvJQM3Tz4A36BMzy0Hy86aBp7zBTW6iHVgOFWnskRIKszkx+06005kpCpKY23+BcPlVzwq8Ig=="},{"name":"ComplianceSpend","value":"M05Y1lSRWeT9XWW3UCfCBQ=="}]}]]></TemplafyFormConfiguration>
</file>

<file path=customXml/item36.xml><?xml version="1.0" encoding="utf-8"?>
<TemplafySlideFormConfiguration><![CDATA[{"formFields":[],"formDataEntries":[]}]]></TemplafySlideFormConfiguration>
</file>

<file path=customXml/item37.xml><?xml version="1.0" encoding="utf-8"?>
<VariableList UniqueId="62d73a57-94b7-4876-894a-3e218f923307" Name="AD_HOC" ContentType="XML" MajorVersion="0" MinorVersion="1" isLocalCopy="False" IsBaseObject="False" DataSourceId="956c5d79-73c4-43d1-b631-4159ae1e3798" DataSourceMajorVersion="0" DataSourceMinorVersion="1"/>
</file>

<file path=customXml/item38.xml><?xml version="1.0" encoding="utf-8"?>
<TemplafySlideTemplateConfiguration><![CDATA[{"slideVersion":1,"isValidatorEnabled":false,"isLocked":false,"elementsMetadata":[],"slideId":"939356481441497137","enableDocumentContentUpdater":false,"version":"2.0"}]]></TemplafySlideTemplateConfiguration>
</file>

<file path=customXml/item39.xml><?xml version="1.0" encoding="utf-8"?>
<TemplafySlideTemplateConfiguration><![CDATA[{"slideVersion":1,"isValidatorEnabled":false,"isLocked":false,"elementsMetadata":[],"slideId":"939356481441497130","enableDocumentContentUpdater":false,"version":"2.0"}]]></TemplafySlideTemplateConfiguration>
</file>

<file path=customXml/item4.xml><?xml version="1.0" encoding="utf-8"?>
<DataSourceInfo>
  <Id>d2294f9b-edda-415f-8df4-c92675924b11</Id>
  <MajorVersion>0</MajorVersion>
  <MinorVersion>1</MinorVersion>
  <DataSourceType>System</DataSourceType>
  <Name>System</Name>
  <Description/>
  <Filter/>
  <DataFields/>
</DataSourceInfo>
</file>

<file path=customXml/item40.xml><?xml version="1.0" encoding="utf-8"?>
<pd:PersonalizationDefinition xmlns:pd="Strauss.PersonalizationDefinition" name="">
  <pd:DataReferenceList>
    <pd:DataReference datasourceID="b69c8966-4b83-4412-ad83-d3d58cbdb9e7" dataFieldID="3a836f99-6566-435e-8a15-dd3fbad6b9fe" variableListUniqueId="48980ebc-5a33-46c1-9ae9-8cd89597b9c2"/>
    <pd:DataReference datasourceID="b69c8966-4b83-4412-ad83-d3d58cbdb9e7" dataFieldID="56142c4c-01a4-4991-afe0-3d6e3197f037" variableListUniqueId="48980ebc-5a33-46c1-9ae9-8cd89597b9c2"/>
    <pd:DataReference datasourceID="6836b453-8898-4e13-8027-60eea653809f" dataFieldID="be28ca54-4990-4a02-8b27-a17bb38f4d9d" variableListUniqueId="b061f34a-ca5e-4dc0-9c78-2fb99b666457"/>
  </pd:DataReferenceList>
  <pd:VariableReplacementDescriptor name="" desc="" uid="">
    <pd:DataReferenceList>
      <pd:DataReference datasourceID="b69c8966-4b83-4412-ad83-d3d58cbdb9e7" dataFieldID="3a836f99-6566-435e-8a15-dd3fbad6b9fe" variableListUniqueId="48980ebc-5a33-46c1-9ae9-8cd89597b9c2"/>
      <pd:DataReference datasourceID="b69c8966-4b83-4412-ad83-d3d58cbdb9e7" dataFieldID="56142c4c-01a4-4991-afe0-3d6e3197f037" variableListUniqueId="48980ebc-5a33-46c1-9ae9-8cd89597b9c2"/>
      <pd:DataReference datasourceID="6836b453-8898-4e13-8027-60eea653809f" dataFieldID="be28ca54-4990-4a02-8b27-a17bb38f4d9d" variableListUniqueId="b061f34a-ca5e-4dc0-9c78-2fb99b666457"/>
    </pd:DataReferenceList>
  </pd:VariableReplacementDescriptor>
</pd:PersonalizationDefini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SourceDataModel Name="AD_HOC" TargetDataSourceId="956c5d79-73c4-43d1-b631-4159ae1e3798"/>
</file>

<file path=customXml/item44.xml><?xml version="1.0" encoding="utf-8"?>
<TemplafySlideFormConfiguration><![CDATA[{"formFields":[],"formDataEntries":[]}]]></TemplafySlideFormConfiguration>
</file>

<file path=customXml/item45.xml><?xml version="1.0" encoding="utf-8"?>
<pd:PersonalizationDefinition xmlns:pd="Strauss.PersonalizationDefinition" name="">
  <pd:DataReferenceList>
    <pd:DataReference datasourceID="e2af335b-8d28-4f4a-9ad1-fd31fe1e1b06" dataFieldID="d88e5771-2347-401c-adf9-de23c1d035d1" variableListUniqueId="039c3993-3e58-442b-baad-ed0ea944c73b"/>
    <pd:DataReference datasourceID="e2af335b-8d28-4f4a-9ad1-fd31fe1e1b06" dataFieldID="b61aa406-9df5-4938-880c-82ed3be93625" variableListUniqueId="039c3993-3e58-442b-baad-ed0ea944c73b"/>
    <pd:DataReference datasourceID="e2af335b-8d28-4f4a-9ad1-fd31fe1e1b06" dataFieldID="6c5403bb-76eb-4908-af1b-ed6f477ac1ba" variableListUniqueId="039c3993-3e58-442b-baad-ed0ea944c73b"/>
    <pd:DataReference datasourceID="e2af335b-8d28-4f4a-9ad1-fd31fe1e1b06" dataFieldID="fe3c9d1b-9f73-4920-804c-2e4609e3abcc" variableListUniqueId="039c3993-3e58-442b-baad-ed0ea944c73b"/>
    <pd:DataReference datasourceID="e2af335b-8d28-4f4a-9ad1-fd31fe1e1b06" dataFieldID="e6099ff1-ad03-419f-8d70-24dcf13bd743" variableListUniqueId="039c3993-3e58-442b-baad-ed0ea944c73b"/>
    <pd:DataReference datasourceID="e2af335b-8d28-4f4a-9ad1-fd31fe1e1b06" dataFieldID="de4e7e10-8548-4ba7-9a52-13ec28d52b48" variableListUniqueId="039c3993-3e58-442b-baad-ed0ea944c73b"/>
    <pd:DataReference datasourceID="e2af335b-8d28-4f4a-9ad1-fd31fe1e1b06" dataFieldID="bbec2917-7312-4663-916a-f44f39ce86b9" variableListUniqueId="039c3993-3e58-442b-baad-ed0ea944c73b"/>
    <pd:DataReference datasourceID="e2af335b-8d28-4f4a-9ad1-fd31fe1e1b06" dataFieldID="60dc38f1-8207-46ee-a062-435ae44e2163" variableListUniqueId="039c3993-3e58-442b-baad-ed0ea944c73b"/>
  </pd:DataReferenceList>
  <pd:VariableReplacementDescriptor name="" desc="" uid="">
    <pd:DataReferenceList>
      <pd:DataReference datasourceID="e2af335b-8d28-4f4a-9ad1-fd31fe1e1b06" dataFieldID="d88e5771-2347-401c-adf9-de23c1d035d1" variableListUniqueId="039c3993-3e58-442b-baad-ed0ea944c73b"/>
      <pd:DataReference datasourceID="e2af335b-8d28-4f4a-9ad1-fd31fe1e1b06" dataFieldID="b61aa406-9df5-4938-880c-82ed3be93625" variableListUniqueId="039c3993-3e58-442b-baad-ed0ea944c73b"/>
      <pd:DataReference datasourceID="e2af335b-8d28-4f4a-9ad1-fd31fe1e1b06" dataFieldID="6c5403bb-76eb-4908-af1b-ed6f477ac1ba" variableListUniqueId="039c3993-3e58-442b-baad-ed0ea944c73b"/>
      <pd:DataReference datasourceID="e2af335b-8d28-4f4a-9ad1-fd31fe1e1b06" dataFieldID="fe3c9d1b-9f73-4920-804c-2e4609e3abcc" variableListUniqueId="039c3993-3e58-442b-baad-ed0ea944c73b"/>
      <pd:DataReference datasourceID="e2af335b-8d28-4f4a-9ad1-fd31fe1e1b06" dataFieldID="e6099ff1-ad03-419f-8d70-24dcf13bd743" variableListUniqueId="039c3993-3e58-442b-baad-ed0ea944c73b"/>
      <pd:DataReference datasourceID="e2af335b-8d28-4f4a-9ad1-fd31fe1e1b06" dataFieldID="de4e7e10-8548-4ba7-9a52-13ec28d52b48" variableListUniqueId="039c3993-3e58-442b-baad-ed0ea944c73b"/>
      <pd:DataReference datasourceID="e2af335b-8d28-4f4a-9ad1-fd31fe1e1b06" dataFieldID="bbec2917-7312-4663-916a-f44f39ce86b9" variableListUniqueId="039c3993-3e58-442b-baad-ed0ea944c73b"/>
      <pd:DataReference datasourceID="e2af335b-8d28-4f4a-9ad1-fd31fe1e1b06" dataFieldID="60dc38f1-8207-46ee-a062-435ae44e2163" variableListUniqueId="039c3993-3e58-442b-baad-ed0ea944c73b"/>
    </pd:DataReferenceList>
  </pd:VariableReplacementDescriptor>
</pd:PersonalizationDefinition>
</file>

<file path=customXml/item46.xml><?xml version="1.0" encoding="utf-8"?>
<TemplafySlideFormConfiguration><![CDATA[{"formFields":[],"formDataEntries":[]}]]></TemplafySlideFormConfiguration>
</file>

<file path=customXml/item47.xml><?xml version="1.0" encoding="utf-8"?>
<TemplafySlideTemplateConfiguration><![CDATA[{"slideVersion":1,"isValidatorEnabled":false,"isLocked":false,"elementsMetadata":[],"slideId":"939356481441497132","enableDocumentContentUpdater":false,"version":"2.0"}]]></TemplafySlideTemplateConfiguration>
</file>

<file path=customXml/item48.xml><?xml version="1.0" encoding="utf-8"?>
<TemplafySlideFormConfiguration><![CDATA[{"formFields":[],"formDataEntries":[]}]]></TemplafySlideForm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pd:PersonalizationDefinition xmlns:pd="Strauss.PersonalizationDefinition" name="">
  <pd:DataReferenceList>
    <pd:DataReference datasourceID="0e834974-f415-4463-9319-02778045805d" dataFieldID="5068da26-55e0-44a4-b503-5b58edb4b17c" variableListUniqueId="e9c25409-438d-449f-9484-3f483cc911f9"/>
    <pd:DataReference datasourceID="0e834974-f415-4463-9319-02778045805d" dataFieldID="1deaca2d-2a2f-480c-89b5-42cb9fb8c9be" variableListUniqueId="e9c25409-438d-449f-9484-3f483cc911f9"/>
  </pd:DataReferenceList>
  <pd:DynamicChartPD name="" desc="" uid="" chartName="Dynamic Chart" chartType="SIMPLE_DYNAMIC_CHART" isSingleValueData="False" IgnoreZeroData="False" IgnoreOuterZeroEmptySeries="False">
    <pd:DataReferenceList>
      <pd:DataReference datasourceID="0e834974-f415-4463-9319-02778045805d" dataFieldID="5068da26-55e0-44a4-b503-5b58edb4b17c" variableListUniqueId="e9c25409-438d-449f-9484-3f483cc911f9"/>
      <pd:DataReference datasourceID="0e834974-f415-4463-9319-02778045805d" dataFieldID="1deaca2d-2a2f-480c-89b5-42cb9fb8c9be" variableListUniqueId="e9c25409-438d-449f-9484-3f483cc911f9"/>
    </pd:DataReferenceList>
    <pd:BoundTableVariable/>
    <pd:BoundChartTitleVariable/>
    <pd:ChartDataSeries>
      <pd:DataSeries index="0" isCateogry="True" legend="ReturnReasonGroup" IsVariableLegend="False">
        <pd:DataReference datasourceID="0e834974-f415-4463-9319-02778045805d" dataFieldID="5068da26-55e0-44a4-b503-5b58edb4b17c" variableListUniqueId="e9c25409-438d-449f-9484-3f483cc911f9"/>
      </pd:DataSeries>
      <pd:DataSeries index="1" isCateogry="False" legend="ReturnCnt" IsVariableLegend="False">
        <pd:DataReference datasourceID="0e834974-f415-4463-9319-02778045805d" dataFieldID="1deaca2d-2a2f-480c-89b5-42cb9fb8c9be" variableListUniqueId="e9c25409-438d-449f-9484-3f483cc911f9"/>
      </pd:DataSeries>
    </pd:ChartDataSeries>
    <pd:Condition rel=""/>
    <pd:SortDescriptor name="" desc="" uid=""/>
  </pd:DynamicChartPD>
</pd:PersonalizationDefinition>
</file>

<file path=customXml/item51.xml><?xml version="1.0" encoding="utf-8"?>
<TemplafySlideFormConfiguration><![CDATA[{"formFields":[],"formDataEntries":[]}]]></TemplafySlideFormConfiguration>
</file>

<file path=customXml/item52.xml><?xml version="1.0" encoding="utf-8"?>
<VariableListDefinition name="System" displayName="System" id="b75ff726-a649-461c-9d03-5f6596c5065c" isdomainofvalue="False" dataSourceId="d2294f9b-edda-415f-8df4-c92675924b11"/>
</file>

<file path=customXml/item53.xml><?xml version="1.0" encoding="utf-8"?>
<pd:PersonalizationDefinition xmlns:pd="Strauss.PersonalizationDefinition" name="">
  <pd:DataReferenceList>
    <pd:DataReference datasourceID="e2af335b-8d28-4f4a-9ad1-fd31fe1e1b06" dataFieldID="f4438642-730b-4dde-b940-62e98bbe756d" variableListUniqueId="039c3993-3e58-442b-baad-ed0ea944c73b"/>
    <pd:DataReference datasourceID="e2af335b-8d28-4f4a-9ad1-fd31fe1e1b06" dataFieldID="bd38cbd0-9ecf-42ee-bfcf-a018c7e459a2" variableListUniqueId="039c3993-3e58-442b-baad-ed0ea944c73b"/>
    <pd:DataReference datasourceID="e2af335b-8d28-4f4a-9ad1-fd31fe1e1b06" dataFieldID="693e900e-2945-4470-a4f4-7d0674efb91a" variableListUniqueId="039c3993-3e58-442b-baad-ed0ea944c73b"/>
    <pd:DataReference datasourceID="e2af335b-8d28-4f4a-9ad1-fd31fe1e1b06" dataFieldID="85254977-7790-4046-b1c1-88eac38f3664" variableListUniqueId="039c3993-3e58-442b-baad-ed0ea944c73b"/>
    <pd:DataReference datasourceID="e2af335b-8d28-4f4a-9ad1-fd31fe1e1b06" dataFieldID="8e5bf297-15ec-469f-bae2-de940b2bf9e0" variableListUniqueId="039c3993-3e58-442b-baad-ed0ea944c73b"/>
    <pd:DataReference datasourceID="e2af335b-8d28-4f4a-9ad1-fd31fe1e1b06" dataFieldID="6cc04357-298b-4ba6-ac2f-349d0d239eb8" variableListUniqueId="039c3993-3e58-442b-baad-ed0ea944c73b"/>
    <pd:DataReference datasourceID="e2af335b-8d28-4f4a-9ad1-fd31fe1e1b06" dataFieldID="d9e02b1f-d3c5-4b77-b2c4-6c187c47e307" variableListUniqueId="039c3993-3e58-442b-baad-ed0ea944c73b"/>
    <pd:DataReference datasourceID="e2af335b-8d28-4f4a-9ad1-fd31fe1e1b06" dataFieldID="326d0844-c8ed-4408-8c3c-7c181866160b" variableListUniqueId="039c3993-3e58-442b-baad-ed0ea944c73b"/>
  </pd:DataReferenceList>
  <pd:VariableReplacementDescriptor name="" desc="" uid="">
    <pd:DataReferenceList>
      <pd:DataReference datasourceID="e2af335b-8d28-4f4a-9ad1-fd31fe1e1b06" dataFieldID="f4438642-730b-4dde-b940-62e98bbe756d" variableListUniqueId="039c3993-3e58-442b-baad-ed0ea944c73b"/>
      <pd:DataReference datasourceID="e2af335b-8d28-4f4a-9ad1-fd31fe1e1b06" dataFieldID="bd38cbd0-9ecf-42ee-bfcf-a018c7e459a2" variableListUniqueId="039c3993-3e58-442b-baad-ed0ea944c73b"/>
      <pd:DataReference datasourceID="e2af335b-8d28-4f4a-9ad1-fd31fe1e1b06" dataFieldID="693e900e-2945-4470-a4f4-7d0674efb91a" variableListUniqueId="039c3993-3e58-442b-baad-ed0ea944c73b"/>
      <pd:DataReference datasourceID="e2af335b-8d28-4f4a-9ad1-fd31fe1e1b06" dataFieldID="85254977-7790-4046-b1c1-88eac38f3664" variableListUniqueId="039c3993-3e58-442b-baad-ed0ea944c73b"/>
      <pd:DataReference datasourceID="e2af335b-8d28-4f4a-9ad1-fd31fe1e1b06" dataFieldID="8e5bf297-15ec-469f-bae2-de940b2bf9e0" variableListUniqueId="039c3993-3e58-442b-baad-ed0ea944c73b"/>
      <pd:DataReference datasourceID="e2af335b-8d28-4f4a-9ad1-fd31fe1e1b06" dataFieldID="6cc04357-298b-4ba6-ac2f-349d0d239eb8" variableListUniqueId="039c3993-3e58-442b-baad-ed0ea944c73b"/>
      <pd:DataReference datasourceID="e2af335b-8d28-4f4a-9ad1-fd31fe1e1b06" dataFieldID="d9e02b1f-d3c5-4b77-b2c4-6c187c47e307" variableListUniqueId="039c3993-3e58-442b-baad-ed0ea944c73b"/>
      <pd:DataReference datasourceID="e2af335b-8d28-4f4a-9ad1-fd31fe1e1b06" dataFieldID="326d0844-c8ed-4408-8c3c-7c181866160b" variableListUniqueId="039c3993-3e58-442b-baad-ed0ea944c73b"/>
    </pd:DataReferenceList>
  </pd:VariableReplacementDescriptor>
</pd:PersonalizationDefinition>
</file>

<file path=customXml/item54.xml><?xml version="1.0" encoding="utf-8"?>
<TemplafySlideTemplateConfiguration><![CDATA[{"slideVersion":1,"isValidatorEnabled":false,"isLocked":false,"elementsMetadata":[],"slideId":"939356481441497131","enableDocumentContentUpdater":false,"version":"2.0"}]]></TemplafySlideTemplateConfiguration>
</file>

<file path=customXml/item55.xml><?xml version="1.0" encoding="utf-8"?>
<TemplafySlideFormConfiguration><![CDATA[{"formFields":[],"formDataEntries":[]}]]></TemplafySlideFormConfiguration>
</file>

<file path=customXml/item56.xml><?xml version="1.0" encoding="utf-8"?>
<TemplafySlideTemplateConfiguration><![CDATA[{"slideVersion":1,"isValidatorEnabled":false,"isLocked":false,"elementsMetadata":[],"slideId":"939356481441497119","enableDocumentContentUpdater":false,"version":"2.0"}]]></TemplafySlideTemplateConfiguration>
</file>

<file path=customXml/item57.xml><?xml version="1.0" encoding="utf-8"?>
<TemplafySlideFormConfiguration><![CDATA[{"formFields":[],"formDataEntries":[]}]]></TemplafySlideFormConfiguration>
</file>

<file path=customXml/item58.xml><?xml version="1.0" encoding="utf-8"?>
<TemplafySlideTemplateConfiguration><![CDATA[{"slideVersion":1,"isValidatorEnabled":false,"isLocked":false,"elementsMetadata":[],"slideId":"939356481441497129","enableDocumentContentUpdater":false,"version":"2.0"}]]></TemplafySlideTemplateConfiguration>
</file>

<file path=customXml/item59.xml><?xml version="1.0" encoding="utf-8"?>
<pd:PersonalizationDefinition xmlns:pd="Strauss.PersonalizationDefinition" name="">
  <pd:DataReferenceList>
    <pd:DataReference datasourceID="e2af335b-8d28-4f4a-9ad1-fd31fe1e1b06" dataFieldID="d88e5771-2347-401c-adf9-de23c1d035d1" variableListUniqueId="039c3993-3e58-442b-baad-ed0ea944c73b"/>
    <pd:DataReference datasourceID="e2af335b-8d28-4f4a-9ad1-fd31fe1e1b06" dataFieldID="b61aa406-9df5-4938-880c-82ed3be93625" variableListUniqueId="039c3993-3e58-442b-baad-ed0ea944c73b"/>
    <pd:DataReference datasourceID="e2af335b-8d28-4f4a-9ad1-fd31fe1e1b06" dataFieldID="6c5403bb-76eb-4908-af1b-ed6f477ac1ba" variableListUniqueId="039c3993-3e58-442b-baad-ed0ea944c73b"/>
    <pd:DataReference datasourceID="e2af335b-8d28-4f4a-9ad1-fd31fe1e1b06" dataFieldID="fe3c9d1b-9f73-4920-804c-2e4609e3abcc" variableListUniqueId="039c3993-3e58-442b-baad-ed0ea944c73b"/>
    <pd:DataReference datasourceID="e2af335b-8d28-4f4a-9ad1-fd31fe1e1b06" dataFieldID="e6099ff1-ad03-419f-8d70-24dcf13bd743" variableListUniqueId="039c3993-3e58-442b-baad-ed0ea944c73b"/>
    <pd:DataReference datasourceID="e2af335b-8d28-4f4a-9ad1-fd31fe1e1b06" dataFieldID="de4e7e10-8548-4ba7-9a52-13ec28d52b48" variableListUniqueId="039c3993-3e58-442b-baad-ed0ea944c73b"/>
    <pd:DataReference datasourceID="e2af335b-8d28-4f4a-9ad1-fd31fe1e1b06" dataFieldID="bbec2917-7312-4663-916a-f44f39ce86b9" variableListUniqueId="039c3993-3e58-442b-baad-ed0ea944c73b"/>
    <pd:DataReference datasourceID="e2af335b-8d28-4f4a-9ad1-fd31fe1e1b06" dataFieldID="60dc38f1-8207-46ee-a062-435ae44e2163" variableListUniqueId="039c3993-3e58-442b-baad-ed0ea944c73b"/>
  </pd:DataReferenceList>
  <pd:VariableReplacementDescriptor name="" desc="" uid="">
    <pd:DataReferenceList>
      <pd:DataReference datasourceID="e2af335b-8d28-4f4a-9ad1-fd31fe1e1b06" dataFieldID="d88e5771-2347-401c-adf9-de23c1d035d1" variableListUniqueId="039c3993-3e58-442b-baad-ed0ea944c73b"/>
      <pd:DataReference datasourceID="e2af335b-8d28-4f4a-9ad1-fd31fe1e1b06" dataFieldID="b61aa406-9df5-4938-880c-82ed3be93625" variableListUniqueId="039c3993-3e58-442b-baad-ed0ea944c73b"/>
      <pd:DataReference datasourceID="e2af335b-8d28-4f4a-9ad1-fd31fe1e1b06" dataFieldID="6c5403bb-76eb-4908-af1b-ed6f477ac1ba" variableListUniqueId="039c3993-3e58-442b-baad-ed0ea944c73b"/>
      <pd:DataReference datasourceID="e2af335b-8d28-4f4a-9ad1-fd31fe1e1b06" dataFieldID="fe3c9d1b-9f73-4920-804c-2e4609e3abcc" variableListUniqueId="039c3993-3e58-442b-baad-ed0ea944c73b"/>
      <pd:DataReference datasourceID="e2af335b-8d28-4f4a-9ad1-fd31fe1e1b06" dataFieldID="e6099ff1-ad03-419f-8d70-24dcf13bd743" variableListUniqueId="039c3993-3e58-442b-baad-ed0ea944c73b"/>
      <pd:DataReference datasourceID="e2af335b-8d28-4f4a-9ad1-fd31fe1e1b06" dataFieldID="de4e7e10-8548-4ba7-9a52-13ec28d52b48" variableListUniqueId="039c3993-3e58-442b-baad-ed0ea944c73b"/>
      <pd:DataReference datasourceID="e2af335b-8d28-4f4a-9ad1-fd31fe1e1b06" dataFieldID="bbec2917-7312-4663-916a-f44f39ce86b9" variableListUniqueId="039c3993-3e58-442b-baad-ed0ea944c73b"/>
      <pd:DataReference datasourceID="e2af335b-8d28-4f4a-9ad1-fd31fe1e1b06" dataFieldID="60dc38f1-8207-46ee-a062-435ae44e2163" variableListUniqueId="039c3993-3e58-442b-baad-ed0ea944c73b"/>
    </pd:DataReferenceList>
  </pd:VariableReplacementDescriptor>
</pd:PersonalizationDefinition>
</file>

<file path=customXml/item6.xml><?xml version="1.0" encoding="utf-8"?>
<TemplafySlideTemplateConfiguration><![CDATA[{"slideVersion":1,"isValidatorEnabled":false,"isLocked":false,"elementsMetadata":[],"slideId":"939356481441497123","enableDocumentContentUpdater":false,"version":"2.0"}]]></TemplafySlideTemplateConfiguration>
</file>

<file path=customXml/item60.xml><?xml version="1.0" encoding="utf-8"?>
<TemplafySlideTemplateConfiguration><![CDATA[{"slideVersion":1,"isValidatorEnabled":false,"isLocked":false,"elementsMetadata":[],"slideId":"939356481441497112","enableDocumentContentUpdater":false,"version":"2.0"}]]></TemplafySlideTemplateConfiguration>
</file>

<file path=customXml/item61.xml><?xml version="1.0" encoding="utf-8"?>
<TemplafySlideTemplateConfiguration><![CDATA[{"slideVersion":1,"isValidatorEnabled":false,"isLocked":false,"elementsMetadata":[],"slideId":"939356481441497116","enableDocumentContentUpdater":false,"version":"2.0"}]]></TemplafySlideTemplateConfiguration>
</file>

<file path=customXml/item62.xml><?xml version="1.0" encoding="utf-8"?>
<TemplafySlideFormConfiguration><![CDATA[{"formFields":[],"formDataEntries":[]}]]></TemplafySlideFormConfiguration>
</file>

<file path=customXml/item63.xml><?xml version="1.0" encoding="utf-8"?>
<TemplafySlideTemplateConfiguration><![CDATA[{"slideVersion":1,"isValidatorEnabled":false,"isLocked":false,"elementsMetadata":[],"slideId":"939356481441497091","enableDocumentContentUpdater":false,"version":"2.0"}]]></TemplafySlideTemplateConfiguration>
</file>

<file path=customXml/item64.xml><?xml version="1.0" encoding="utf-8"?>
<?mso-contentType ?>
<FormTemplates xmlns="http://schemas.microsoft.com/sharepoint/v3/contenttype/forms">
  <Display>DocumentLibraryForm</Display>
  <Edit>DocumentLibraryForm</Edit>
  <New>DocumentLibraryForm</New>
</FormTemplates>
</file>

<file path=customXml/item65.xml><?xml version="1.0" encoding="utf-8"?>
<TemplafySlideFormConfiguration><![CDATA[{"formFields":[],"formDataEntries":[]}]]></TemplafySlideFormConfiguration>
</file>

<file path=customXml/item66.xml><?xml version="1.0" encoding="utf-8"?>
<TemplafySlideTemplateConfiguration><![CDATA[{"slideVersion":1,"isValidatorEnabled":false,"isLocked":false,"elementsMetadata":[],"slideId":"637959072999430651","enableDocumentContentUpdater":false,"version":"2.0"}]]></TemplafySlideTemplateConfiguration>
</file>

<file path=customXml/item67.xml><?xml version="1.0" encoding="utf-8"?>
<VariableListDefinition name="Computed" displayName="Computed" id="11691df7-35a1-4d38-b972-3049f08f7c1e" isdomainofvalue="False" dataSourceId="76920798-4799-433d-bb69-1527ad663a55"/>
</file>

<file path=customXml/item68.xml><?xml version="1.0" encoding="utf-8"?>
<pd:PersonalizationDefinition xmlns:pd="Strauss.PersonalizationDefinition" name="">
  <pd:DataReferenceList>
    <pd:DataReference datasourceID="ccace109-6539-4eda-91ac-fa552dc6c821" dataFieldID="1f375e9e-d0f6-43ce-ade9-43ba442f355a" variableListUniqueId="3088c0bf-2d02-4db0-9660-b89a9ece1c79"/>
    <pd:DataReference datasourceID="e2af335b-8d28-4f4a-9ad1-fd31fe1e1b06" dataFieldID="10020695-5298-4612-af3e-4495064fe861" variableListUniqueId="039c3993-3e58-442b-baad-ed0ea944c73b"/>
  </pd:DataReferenceList>
  <pd:DynamicChartPD name="" desc="" uid="" chartName="Dynamic Chart" chartType="SIMPLE_DYNAMIC_CHART" isSingleValueData="True" IgnoreZeroData="False" IgnoreOuterZeroEmptySeries="False">
    <pd:DataReferenceList>
      <pd:DataReference datasourceID="ccace109-6539-4eda-91ac-fa552dc6c821" dataFieldID="1f375e9e-d0f6-43ce-ade9-43ba442f355a" variableListUniqueId="3088c0bf-2d02-4db0-9660-b89a9ece1c79"/>
      <pd:DataReference datasourceID="e2af335b-8d28-4f4a-9ad1-fd31fe1e1b06" dataFieldID="10020695-5298-4612-af3e-4495064fe861" variableListUniqueId="039c3993-3e58-442b-baad-ed0ea944c73b"/>
    </pd:DataReferenceList>
    <pd:BoundTableVariable/>
    <pd:BoundChartTitleVariable/>
    <pd:ChartDataSeries>
      <pd:DataSeries index="1" isCateogry="False" legend="Compliance Spend" IsVariableLegend="False">
        <pd:DataReference datasourceID="ccace109-6539-4eda-91ac-fa552dc6c821" dataFieldID="1f375e9e-d0f6-43ce-ade9-43ba442f355a" variableListUniqueId="3088c0bf-2d02-4db0-9660-b89a9ece1c79"/>
      </pd:DataSeries>
      <pd:DataSeries index="2" isCateogry="False" legend="Current Spend" IsVariableLegend="False">
        <pd:DataReference datasourceID="e2af335b-8d28-4f4a-9ad1-fd31fe1e1b06" dataFieldID="10020695-5298-4612-af3e-4495064fe861" variableListUniqueId="039c3993-3e58-442b-baad-ed0ea944c73b"/>
      </pd:DataSeries>
    </pd:ChartDataSeries>
    <pd:Condition rel=""/>
    <pd:SortDescriptor name="" desc="" uid=""/>
  </pd:DynamicChartPD>
</pd:PersonalizationDefinition>
</file>

<file path=customXml/item69.xml><?xml version="1.0" encoding="utf-8"?>
<TemplafySlideTemplateConfiguration><![CDATA[{"slideVersion":1,"isValidatorEnabled":false,"isLocked":false,"elementsMetadata":[],"slideId":"939356481441497113","enableDocumentContentUpdater":false,"version":"2.0"}]]></TemplafySlideTemplateConfiguration>
</file>

<file path=customXml/item7.xml><?xml version="1.0" encoding="utf-8"?>
<TemplafySlideFormConfiguration><![CDATA[{"formFields":[],"formDataEntries":[]}]]></TemplafySlideFormConfiguration>
</file>

<file path=customXml/item70.xml><?xml version="1.0" encoding="utf-8"?>
<TemplafySlideTemplateConfiguration><![CDATA[{"slideVersion":1,"isValidatorEnabled":false,"isLocked":false,"elementsMetadata":[],"slideId":"939356481441497140","enableDocumentContentUpdater":false,"version":"2.0"}]]></TemplafySlideTemplateConfiguration>
</file>

<file path=customXml/item71.xml><?xml version="1.0" encoding="utf-8"?>
<TemplafySlideFormConfiguration><![CDATA[{"formFields":[],"formDataEntries":[]}]]></TemplafySlideFormConfiguration>
</file>

<file path=customXml/item72.xml><?xml version="1.0" encoding="utf-8"?>
<TemplafySlideTemplateConfiguration><![CDATA[{"slideVersion":1,"isValidatorEnabled":false,"isLocked":false,"elementsMetadata":[],"slideId":"939356481441497122","enableDocumentContentUpdater":false,"version":"2.0"}]]></TemplafySlideTemplateConfiguration>
</file>

<file path=customXml/item73.xml><?xml version="1.0" encoding="utf-8"?>
<AllExternalAdhocVariableMappings/>
</file>

<file path=customXml/item74.xml><?xml version="1.0" encoding="utf-8"?>
<p:properties xmlns:p="http://schemas.microsoft.com/office/2006/metadata/properties" xmlns:xsi="http://www.w3.org/2001/XMLSchema-instance" xmlns:pc="http://schemas.microsoft.com/office/infopath/2007/PartnerControls">
  <documentManagement>
    <lcf76f155ced4ddcb4097134ff3c332f xmlns="bb3675d7-82db-44b2-9da9-48c6a56c6e92">
      <Terms xmlns="http://schemas.microsoft.com/office/infopath/2007/PartnerControls"/>
    </lcf76f155ced4ddcb4097134ff3c332f>
    <TaxCatchAll xmlns="4e2c1b22-888d-430b-9d68-c33f20129457" xsi:nil="true"/>
  </documentManagement>
</p:properties>
</file>

<file path=customXml/item75.xml><?xml version="1.0" encoding="utf-8"?>
<VariableListCustXmlRels>
  <VariableListCustXmlRel variableListName="AD_HOC">
    <VariableListDefCustXmlId>{601C2DA9-0ECB-40B8-829B-F8B770BC3517}</VariableListDefCustXmlId>
    <LibraryMetadataCustXmlId>{CED3EF42-202A-427E-8234-80B77681CDE8}</LibraryMetadataCustXmlId>
    <DataSourceInfoCustXmlId>{72954E14-1555-43D6-9271-2329DFACC18D}</DataSourceInfoCustXmlId>
    <DataSourceMappingCustXmlId>{AE7B7DA8-8A5A-4E8C-82EF-A0759DB11285}</DataSourceMappingCustXmlId>
    <SdmcCustXmlId>{6726BC07-0976-4241-A2F1-758A321D7318}</SdmcCustXmlId>
  </VariableListCustXmlRel>
  <VariableListCustXmlRel variableListName="Computed">
    <VariableListDefCustXmlId>{A4312581-F139-4495-8BE4-C7E6AF089D23}</VariableListDefCustXmlId>
    <LibraryMetadataCustXmlId>{BCBAB2EC-0D41-4780-92BC-AE42E0B61281}</LibraryMetadataCustXmlId>
    <DataSourceInfoCustXmlId>{4993D408-AD42-4F43-878D-441A20616341}</DataSourceInfoCustXmlId>
    <DataSourceMappingCustXmlId>{E5EDD809-C1A0-4FAE-B9EB-D09F9FDBD66E}</DataSourceMappingCustXmlId>
  </VariableListCustXmlRel>
  <VariableListCustXmlRel variableListName="System">
    <VariableListDefCustXmlId>{18B03890-B295-40D4-A6CD-2907AEF92B70}</VariableListDefCustXmlId>
    <LibraryMetadataCustXmlId>{1754B2F5-0CFB-4C3B-BF46-547FCCC52010}</LibraryMetadataCustXmlId>
    <DataSourceInfoCustXmlId>{8A661E83-3D63-4E16-AB6F-6E79E2B4897D}</DataSourceInfoCustXmlId>
    <DataSourceMappingCustXmlId>{FB4934AD-8F70-43CA-8C44-05E5DA4E8BC7}</DataSourceMappingCustXmlId>
  </VariableListCustXmlRel>
</VariableListCustXmlRels>
</file>

<file path=customXml/item76.xml><?xml version="1.0" encoding="utf-8"?>
<TemplafySlideFormConfiguration><![CDATA[{"formFields":[],"formDataEntries":[]}]]></TemplafySlideFormConfiguration>
</file>

<file path=customXml/item77.xml><?xml version="1.0" encoding="utf-8"?>
<TemplafySlideTemplateConfiguration><![CDATA[{"slideVersion":1,"isValidatorEnabled":false,"isLocked":false,"elementsMetadata":[],"slideId":"939356481441497136","enableDocumentContentUpdater":false,"version":"2.0"}]]></TemplafySlideTemplateConfiguration>
</file>

<file path=customXml/item78.xml><?xml version="1.0" encoding="utf-8"?>
<TemplafySlideTemplateConfiguration><![CDATA[{"slideVersion":1,"isValidatorEnabled":false,"isLocked":false,"elementsMetadata":[],"slideId":"939356472851562496","enableDocumentContentUpdater":false,"version":"2.0"}]]></TemplafySlideTemplateConfiguration>
</file>

<file path=customXml/item79.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80.xml><?xml version="1.0" encoding="utf-8"?>
<pd:PersonalizationDefinition xmlns:pd="Strauss.PersonalizationDefinition" name="">
  <pd:DataReferenceList>
    <pd:DataReference datasourceID="6836b453-8898-4e13-8027-60eea653809f" dataFieldID="a3cebd07-5597-4975-b579-80725904eaac" variableListUniqueId="b061f34a-ca5e-4dc0-9c78-2fb99b666457"/>
    <pd:DataReference datasourceID="6836b453-8898-4e13-8027-60eea653809f" dataFieldID="31d5e0e2-8c4d-42bd-b7b0-fb9a245d2988" variableListUniqueId="b061f34a-ca5e-4dc0-9c78-2fb99b666457"/>
    <pd:DataReference datasourceID="e2af335b-8d28-4f4a-9ad1-fd31fe1e1b06" dataFieldID="9e30e97d-b974-4ade-a899-83d609193184" variableListUniqueId="039c3993-3e58-442b-baad-ed0ea944c73b"/>
    <pd:DataReference datasourceID="e2af335b-8d28-4f4a-9ad1-fd31fe1e1b06" dataFieldID="290915cc-7bbe-4731-9dd0-5185822bd171" variableListUniqueId="039c3993-3e58-442b-baad-ed0ea944c73b"/>
    <pd:DataReference datasourceID="e2af335b-8d28-4f4a-9ad1-fd31fe1e1b06" dataFieldID="22504659-c4f3-47b6-b38d-abecbc5e5f99" variableListUniqueId="039c3993-3e58-442b-baad-ed0ea944c73b"/>
    <pd:DataReference datasourceID="e2af335b-8d28-4f4a-9ad1-fd31fe1e1b06" dataFieldID="7c8bab60-53d8-44dd-be76-fc7155ceb6a5" variableListUniqueId="039c3993-3e58-442b-baad-ed0ea944c73b"/>
    <pd:DataReference datasourceID="e2af335b-8d28-4f4a-9ad1-fd31fe1e1b06" dataFieldID="96942cc1-3ce9-4fb3-a334-f3fca05c4bb9" variableListUniqueId="039c3993-3e58-442b-baad-ed0ea944c73b"/>
    <pd:DataReference datasourceID="e2af335b-8d28-4f4a-9ad1-fd31fe1e1b06" dataFieldID="ba110010-cbd5-4deb-89b9-c4977e90160d" variableListUniqueId="039c3993-3e58-442b-baad-ed0ea944c73b"/>
    <pd:DataReference datasourceID="e2af335b-8d28-4f4a-9ad1-fd31fe1e1b06" dataFieldID="64f48bc9-95d8-4f2e-b6d4-e46f633aba3d" variableListUniqueId="039c3993-3e58-442b-baad-ed0ea944c73b"/>
  </pd:DataReferenceList>
  <pd:DynamicTableDescriptor name="PS" desc="" uid="3b187a74-803d-4162-9c4e-616b16d547f4" isHorizontal="False" overflowToTableId="" continueFromTableId="" hideSlideWhenNoData="False" fixWidth="False" AdvancedWeighting="False" maxWeight="100">
    <pd:DataReferenceList>
      <pd:DataReference datasourceID="6836b453-8898-4e13-8027-60eea653809f" dataFieldID="a3cebd07-5597-4975-b579-80725904eaac" variableListUniqueId="b061f34a-ca5e-4dc0-9c78-2fb99b666457"/>
      <pd:DataReference datasourceID="6836b453-8898-4e13-8027-60eea653809f" dataFieldID="31d5e0e2-8c4d-42bd-b7b0-fb9a245d2988" variableListUniqueId="b061f34a-ca5e-4dc0-9c78-2fb99b666457"/>
      <pd:DataReference datasourceID="e2af335b-8d28-4f4a-9ad1-fd31fe1e1b06" dataFieldID="9e30e97d-b974-4ade-a899-83d609193184" variableListUniqueId="039c3993-3e58-442b-baad-ed0ea944c73b"/>
      <pd:DataReference datasourceID="e2af335b-8d28-4f4a-9ad1-fd31fe1e1b06" dataFieldID="290915cc-7bbe-4731-9dd0-5185822bd171" variableListUniqueId="039c3993-3e58-442b-baad-ed0ea944c73b"/>
      <pd:DataReference datasourceID="e2af335b-8d28-4f4a-9ad1-fd31fe1e1b06" dataFieldID="22504659-c4f3-47b6-b38d-abecbc5e5f99" variableListUniqueId="039c3993-3e58-442b-baad-ed0ea944c73b"/>
      <pd:DataReference datasourceID="e2af335b-8d28-4f4a-9ad1-fd31fe1e1b06" dataFieldID="7c8bab60-53d8-44dd-be76-fc7155ceb6a5" variableListUniqueId="039c3993-3e58-442b-baad-ed0ea944c73b"/>
      <pd:DataReference datasourceID="e2af335b-8d28-4f4a-9ad1-fd31fe1e1b06" dataFieldID="96942cc1-3ce9-4fb3-a334-f3fca05c4bb9" variableListUniqueId="039c3993-3e58-442b-baad-ed0ea944c73b"/>
      <pd:DataReference datasourceID="e2af335b-8d28-4f4a-9ad1-fd31fe1e1b06" dataFieldID="ba110010-cbd5-4deb-89b9-c4977e90160d" variableListUniqueId="039c3993-3e58-442b-baad-ed0ea944c73b"/>
      <pd:DataReference datasourceID="e2af335b-8d28-4f4a-9ad1-fd31fe1e1b06" dataFieldID="64f48bc9-95d8-4f2e-b6d4-e46f633aba3d" variableListUniqueId="039c3993-3e58-442b-baad-ed0ea944c73b"/>
    </pd:DataReferenceList>
    <pd:BindTables>
      <pd:BindTable IsLimitRecordCount="False" RepeatingRowIndexFrom="2" RepeatingRowIndexTo="2" MaxRecords="999" isFooterInLastPage="True" isHeaderInFirstPage="False" startDataIndex="0" maxRowPerSlide="15" IsMaxLinesPerSlide="False" HeaderRowIndexFrom="0" HeaderRowIndexTo="0" FooterRowIndexFrom="0" FooterRowIndexTo="0" AnchorToBottom="False" IsFromOriginalTable="False" FooterAnchorToBottom="False">
        <pd:DataReference datasourceID="e2af335b-8d28-4f4a-9ad1-fd31fe1e1b06" dataFieldID="ba110010-cbd5-4deb-89b9-c4977e90160d" variableListUniqueId="039c3993-3e58-442b-baad-ed0ea944c73b"/>
        <pd:SortDescriptor name="" desc="" uid="">
          <pd:SortItem QualifiedFullID="039c3993-3e58-442b-baad-ed0ea944c73b:e2af335b-8d28-4f4a-9ad1-fd31fe1e1b06:290915cc-7bbe-4731-9dd0-5185822bd171" SortCondition="DESC"/>
        </pd:SortDescriptor>
        <pd:Condition rel="&amp;&amp;">
          <pd:ConditionItem operator="!=" type="STRING" isvariablebinding="False">
            <pd:VarOperand>
              <pd:DataReference datasourceID="e2af335b-8d28-4f4a-9ad1-fd31fe1e1b06" dataFieldID="9e30e97d-b974-4ade-a899-83d609193184" variableListUniqueId="039c3993-3e58-442b-baad-ed0ea944c73b"/>
            </pd:VarOperand>
            <pd:ValueOperand>Total</pd:ValueOperand>
            <pd:MappingOperand>
            </pd:MappingOperand>
          </pd:ConditionItem>
        </pd:Condition>
        <pd:ConditionalFormat>
          <pd:Rule index="1" RowIndex="2" ColIndex="0" HasBackgroundFormat="True" HasForegroundFormat="False" IsVariableCondition="True">
            <pd:Condition rel="&amp;&amp;">
              <pd:ConditionItem operator="==" type="INTEGER" isvariablebinding="False">
                <pd:VarOperand>
                  <pd:DataReference datasourceID="e2af335b-8d28-4f4a-9ad1-fd31fe1e1b06" dataFieldID="64f48bc9-95d8-4f2e-b6d4-e46f633aba3d" variableListUniqueId="039c3993-3e58-442b-baad-ed0ea944c73b"/>
                </pd:VarOperand>
                <pd:ValueOperand>1</pd:ValueOperand>
                <pd:MappingOperand>
                </pd:MappingOperand>
              </pd:ConditionItem>
            </pd:Condition>
            <pd:bgColor IsThemeColor="True" ColorName="Accent3" ColorVal="dcedf3" lumMod="40000" lumOff="60000"/>
            <pd:fontColor IsThemeColor="False" ColorName="" ColorVal="000000" lumMod="" lumOff=""/>
          </pd:Rule>
          <pd:Rule index="2" RowIndex="2" ColIndex="0" HasBackgroundFormat="True" HasForegroundFormat="False" IsVariableCondition="True">
            <pd:Condition rel="&amp;&amp;">
              <pd:ConditionItem operator="==" type="INTEGER" isvariablebinding="False">
                <pd:VarOperand>
                  <pd:DataReference datasourceID="e2af335b-8d28-4f4a-9ad1-fd31fe1e1b06" dataFieldID="64f48bc9-95d8-4f2e-b6d4-e46f633aba3d" variableListUniqueId="039c3993-3e58-442b-baad-ed0ea944c73b"/>
                </pd:VarOperand>
                <pd:ValueOperand>0</pd:ValueOperand>
                <pd:MappingOperand>
                </pd:MappingOperand>
              </pd:ConditionItem>
            </pd:Condition>
            <pd:bgColor IsThemeColor="False" ColorName="" ColorVal="eff6f9" lumMod="" lumOff=""/>
            <pd:fontColor IsThemeColor="False" ColorName="" ColorVal="000000" lumMod="" lumOff=""/>
          </pd:Rule>
        </pd:ConditionalFormat>
        <pd:DecimalAlign name="" desc="" uid="" AlignDecimal="False"/>
      </pd:BindTable>
      <pd:BindTable IsLimitRecordCount="False" RepeatingRowIndexFrom="3" RepeatingRowIndexTo="3" MaxRecords="13" isFooterInLastPage="True" isHeaderInFirstPage="False" startDataIndex="0" maxRowPerSlide="15" IsMaxLinesPerSlide="False" HeaderRowIndexFrom="0" HeaderRowIndexTo="0" FooterRowIndexFrom="0" FooterRowIndexTo="0" AnchorToBottom="False" IsFromOriginalTable="False" FooterAnchorToBottom="False">
        <pd:DataReference datasourceID="e2af335b-8d28-4f4a-9ad1-fd31fe1e1b06" dataFieldID="ba110010-cbd5-4deb-89b9-c4977e90160d" variableListUniqueId="039c3993-3e58-442b-baad-ed0ea944c73b"/>
        <pd:SortDescriptor name="" desc="" uid=""/>
        <pd:Condition rel="&amp;&amp;">
          <pd:ConditionItem operator="==" type="STRING" isvariablebinding="False">
            <pd:VarOperand>
              <pd:DataReference datasourceID="e2af335b-8d28-4f4a-9ad1-fd31fe1e1b06" dataFieldID="9e30e97d-b974-4ade-a899-83d609193184" variableListUniqueId="039c3993-3e58-442b-baad-ed0ea944c73b"/>
            </pd:VarOperand>
            <pd:ValueOperand>Total</pd:ValueOperand>
            <pd:MappingOperand>
            </pd:MappingOperand>
          </pd:ConditionItem>
        </pd:Condition>
        <pd:DecimalAlign name="" desc="" uid="" AlignDecimal="False"/>
      </pd:BindTable>
    </pd:BindTables>
    <pd:DynamicTableColumns>
      <pd:DynamicTableColumn rowIndex="0" colIndex="0">
        <pd:DataReferenceList/>
      </pd:DynamicTableColumn>
      <pd:DynamicTableColumn rowIndex="0" colIndex="1">
        <pd:DataReferenceList>
          <pd:DataReference datasourceID="6836b453-8898-4e13-8027-60eea653809f" dataFieldID="a3cebd07-5597-4975-b579-80725904eaac" variableListUniqueId="b061f34a-ca5e-4dc0-9c78-2fb99b666457"/>
        </pd:DataReferenceList>
      </pd:DynamicTableColumn>
      <pd:DynamicTableColumn rowIndex="0" colIndex="2">
        <pd:DataReferenceList>
          <pd:DataReference datasourceID="6836b453-8898-4e13-8027-60eea653809f" dataFieldID="31d5e0e2-8c4d-42bd-b7b0-fb9a245d2988" variableListUniqueId="b061f34a-ca5e-4dc0-9c78-2fb99b666457"/>
        </pd:DataReferenceList>
      </pd:DynamicTableColumn>
      <pd:DynamicTableColumn rowIndex="0" colIndex="3">
        <pd:DataReferenceList/>
      </pd:DynamicTableColumn>
      <pd:DynamicTableColumn rowIndex="0" colIndex="4">
        <pd:DataReferenceList/>
      </pd:DynamicTableColumn>
      <pd:DynamicTableColumn rowIndex="1" colIndex="0">
        <pd:DataReferenceList>
          <pd:DataReference datasourceID="e2af335b-8d28-4f4a-9ad1-fd31fe1e1b06" dataFieldID="9e30e97d-b974-4ade-a899-83d609193184" variableListUniqueId="039c3993-3e58-442b-baad-ed0ea944c73b"/>
        </pd:DataReferenceList>
      </pd:DynamicTableColumn>
      <pd:DynamicTableColumn rowIndex="1" colIndex="1">
        <pd:DataReferenceList>
          <pd:DataReference datasourceID="e2af335b-8d28-4f4a-9ad1-fd31fe1e1b06" dataFieldID="290915cc-7bbe-4731-9dd0-5185822bd171" variableListUniqueId="039c3993-3e58-442b-baad-ed0ea944c73b"/>
        </pd:DataReferenceList>
      </pd:DynamicTableColumn>
      <pd:DynamicTableColumn rowIndex="1" colIndex="2">
        <pd:DataReferenceList>
          <pd:DataReference datasourceID="e2af335b-8d28-4f4a-9ad1-fd31fe1e1b06" dataFieldID="22504659-c4f3-47b6-b38d-abecbc5e5f99" variableListUniqueId="039c3993-3e58-442b-baad-ed0ea944c73b"/>
        </pd:DataReferenceList>
      </pd:DynamicTableColumn>
      <pd:DynamicTableColumn rowIndex="1" colIndex="3">
        <pd:DataReferenceList>
          <pd:DataReference datasourceID="e2af335b-8d28-4f4a-9ad1-fd31fe1e1b06" dataFieldID="7c8bab60-53d8-44dd-be76-fc7155ceb6a5" variableListUniqueId="039c3993-3e58-442b-baad-ed0ea944c73b"/>
        </pd:DataReferenceList>
      </pd:DynamicTableColumn>
      <pd:DynamicTableColumn rowIndex="1" colIndex="4">
        <pd:DataReferenceList>
          <pd:DataReference datasourceID="e2af335b-8d28-4f4a-9ad1-fd31fe1e1b06" dataFieldID="96942cc1-3ce9-4fb3-a334-f3fca05c4bb9" variableListUniqueId="039c3993-3e58-442b-baad-ed0ea944c73b"/>
        </pd:DataReferenceList>
      </pd:DynamicTableColumn>
      <pd:DynamicTableColumn rowIndex="2" colIndex="0">
        <pd:DataReferenceList/>
      </pd:DynamicTableColumn>
      <pd:DynamicTableColumn rowIndex="2" colIndex="1">
        <pd:DataReferenceList>
          <pd:DataReference datasourceID="e2af335b-8d28-4f4a-9ad1-fd31fe1e1b06" dataFieldID="290915cc-7bbe-4731-9dd0-5185822bd171" variableListUniqueId="039c3993-3e58-442b-baad-ed0ea944c73b"/>
        </pd:DataReferenceList>
      </pd:DynamicTableColumn>
      <pd:DynamicTableColumn rowIndex="2" colIndex="2">
        <pd:DataReferenceList>
          <pd:DataReference datasourceID="e2af335b-8d28-4f4a-9ad1-fd31fe1e1b06" dataFieldID="22504659-c4f3-47b6-b38d-abecbc5e5f99" variableListUniqueId="039c3993-3e58-442b-baad-ed0ea944c73b"/>
        </pd:DataReferenceList>
      </pd:DynamicTableColumn>
      <pd:DynamicTableColumn rowIndex="2" colIndex="3">
        <pd:DataReferenceList>
          <pd:DataReference datasourceID="e2af335b-8d28-4f4a-9ad1-fd31fe1e1b06" dataFieldID="7c8bab60-53d8-44dd-be76-fc7155ceb6a5" variableListUniqueId="039c3993-3e58-442b-baad-ed0ea944c73b"/>
        </pd:DataReferenceList>
      </pd:DynamicTableColumn>
      <pd:DynamicTableColumn rowIndex="2" colIndex="4">
        <pd:DataReferenceList>
          <pd:DataReference datasourceID="e2af335b-8d28-4f4a-9ad1-fd31fe1e1b06" dataFieldID="96942cc1-3ce9-4fb3-a334-f3fca05c4bb9" variableListUniqueId="039c3993-3e58-442b-baad-ed0ea944c73b"/>
        </pd:DataReferenceList>
      </pd:DynamicTableColumn>
    </pd:DynamicTableColumns>
  </pd:DynamicTableDescriptor>
</pd:PersonalizationDefinition>
</file>

<file path=customXml/item81.xml><?xml version="1.0" encoding="utf-8"?>
<TemplafySlideFormConfiguration><![CDATA[{"formFields":[],"formDataEntries":[]}]]></TemplafySlideFormConfiguration>
</file>

<file path=customXml/item82.xml><?xml version="1.0" encoding="utf-8"?>
<TemplafySlideFormConfiguration><![CDATA[{"formFields":[],"formDataEntries":[]}]]></TemplafySlideFormConfiguration>
</file>

<file path=customXml/item83.xml><?xml version="1.0" encoding="utf-8"?>
<TemplafySlideTemplateConfiguration><![CDATA[{"slideVersion":1,"isValidatorEnabled":false,"isLocked":false,"elementsMetadata":[],"slideId":"939356481441497095","enableDocumentContentUpdater":false,"version":"2.0"}]]></TemplafySlideTemplateConfiguration>
</file>

<file path=customXml/item84.xml><?xml version="1.0" encoding="utf-8"?>
<TemplafySlideFormConfiguration><![CDATA[{"formFields":[],"formDataEntries":[]}]]></TemplafySlideFormConfiguration>
</file>

<file path=customXml/item85.xml><?xml version="1.0" encoding="utf-8"?>
<pd:PersonalizationDefinition xmlns:pd="Strauss.PersonalizationDefinition" name="">
  <pd:DataReferenceList>
    <pd:DataReference datasourceID="e2af335b-8d28-4f4a-9ad1-fd31fe1e1b06" dataFieldID="d88e5771-2347-401c-adf9-de23c1d035d1" variableListUniqueId="039c3993-3e58-442b-baad-ed0ea944c73b"/>
    <pd:DataReference datasourceID="e2af335b-8d28-4f4a-9ad1-fd31fe1e1b06" dataFieldID="b61aa406-9df5-4938-880c-82ed3be93625" variableListUniqueId="039c3993-3e58-442b-baad-ed0ea944c73b"/>
    <pd:DataReference datasourceID="e2af335b-8d28-4f4a-9ad1-fd31fe1e1b06" dataFieldID="6c5403bb-76eb-4908-af1b-ed6f477ac1ba" variableListUniqueId="039c3993-3e58-442b-baad-ed0ea944c73b"/>
    <pd:DataReference datasourceID="e2af335b-8d28-4f4a-9ad1-fd31fe1e1b06" dataFieldID="fe3c9d1b-9f73-4920-804c-2e4609e3abcc" variableListUniqueId="039c3993-3e58-442b-baad-ed0ea944c73b"/>
    <pd:DataReference datasourceID="e2af335b-8d28-4f4a-9ad1-fd31fe1e1b06" dataFieldID="e6099ff1-ad03-419f-8d70-24dcf13bd743" variableListUniqueId="039c3993-3e58-442b-baad-ed0ea944c73b"/>
    <pd:DataReference datasourceID="e2af335b-8d28-4f4a-9ad1-fd31fe1e1b06" dataFieldID="de4e7e10-8548-4ba7-9a52-13ec28d52b48" variableListUniqueId="039c3993-3e58-442b-baad-ed0ea944c73b"/>
    <pd:DataReference datasourceID="e2af335b-8d28-4f4a-9ad1-fd31fe1e1b06" dataFieldID="bbec2917-7312-4663-916a-f44f39ce86b9" variableListUniqueId="039c3993-3e58-442b-baad-ed0ea944c73b"/>
    <pd:DataReference datasourceID="e2af335b-8d28-4f4a-9ad1-fd31fe1e1b06" dataFieldID="60dc38f1-8207-46ee-a062-435ae44e2163" variableListUniqueId="039c3993-3e58-442b-baad-ed0ea944c73b"/>
  </pd:DataReferenceList>
  <pd:VariableReplacementDescriptor name="" desc="" uid="">
    <pd:DataReferenceList>
      <pd:DataReference datasourceID="e2af335b-8d28-4f4a-9ad1-fd31fe1e1b06" dataFieldID="d88e5771-2347-401c-adf9-de23c1d035d1" variableListUniqueId="039c3993-3e58-442b-baad-ed0ea944c73b"/>
      <pd:DataReference datasourceID="e2af335b-8d28-4f4a-9ad1-fd31fe1e1b06" dataFieldID="b61aa406-9df5-4938-880c-82ed3be93625" variableListUniqueId="039c3993-3e58-442b-baad-ed0ea944c73b"/>
      <pd:DataReference datasourceID="e2af335b-8d28-4f4a-9ad1-fd31fe1e1b06" dataFieldID="6c5403bb-76eb-4908-af1b-ed6f477ac1ba" variableListUniqueId="039c3993-3e58-442b-baad-ed0ea944c73b"/>
      <pd:DataReference datasourceID="e2af335b-8d28-4f4a-9ad1-fd31fe1e1b06" dataFieldID="fe3c9d1b-9f73-4920-804c-2e4609e3abcc" variableListUniqueId="039c3993-3e58-442b-baad-ed0ea944c73b"/>
      <pd:DataReference datasourceID="e2af335b-8d28-4f4a-9ad1-fd31fe1e1b06" dataFieldID="e6099ff1-ad03-419f-8d70-24dcf13bd743" variableListUniqueId="039c3993-3e58-442b-baad-ed0ea944c73b"/>
      <pd:DataReference datasourceID="e2af335b-8d28-4f4a-9ad1-fd31fe1e1b06" dataFieldID="de4e7e10-8548-4ba7-9a52-13ec28d52b48" variableListUniqueId="039c3993-3e58-442b-baad-ed0ea944c73b"/>
      <pd:DataReference datasourceID="e2af335b-8d28-4f4a-9ad1-fd31fe1e1b06" dataFieldID="bbec2917-7312-4663-916a-f44f39ce86b9" variableListUniqueId="039c3993-3e58-442b-baad-ed0ea944c73b"/>
      <pd:DataReference datasourceID="e2af335b-8d28-4f4a-9ad1-fd31fe1e1b06" dataFieldID="60dc38f1-8207-46ee-a062-435ae44e2163" variableListUniqueId="039c3993-3e58-442b-baad-ed0ea944c73b"/>
    </pd:DataReferenceList>
  </pd:VariableReplacementDescriptor>
</pd:PersonalizationDefinition>
</file>

<file path=customXml/item86.xml><?xml version="1.0" encoding="utf-8"?>
<TemplafySlideTemplateConfiguration><![CDATA[{"slideVersion":1,"isValidatorEnabled":false,"isLocked":false,"elementsMetadata":[],"slideId":"939356481441497114","enableDocumentContentUpdater":false,"version":"2.0"}]]></TemplafySlideTemplateConfiguration>
</file>

<file path=customXml/item9.xml><?xml version="1.0" encoding="utf-8"?>
<pd:PersonalizationDefinition xmlns:pd="Strauss.PersonalizationDefinition" name="">
  <pd:DataReferenceList>
    <pd:DataReference datasourceID="ccace109-6539-4eda-91ac-fa552dc6c821" dataFieldID="c4c79b76-3667-4e5c-aab9-5f8f843d9463" variableListUniqueId="3088c0bf-2d02-4db0-9660-b89a9ece1c79"/>
  </pd:DataReferenceList>
  <pd:VariableReplacementDescriptor name="" desc="" uid="">
    <pd:DataReferenceList>
      <pd:DataReference datasourceID="ccace109-6539-4eda-91ac-fa552dc6c821" dataFieldID="c4c79b76-3667-4e5c-aab9-5f8f843d9463" variableListUniqueId="3088c0bf-2d02-4db0-9660-b89a9ece1c79"/>
    </pd:DataReferenceList>
  </pd:VariableReplacementDescriptor>
</pd:PersonalizationDefinition>
</file>

<file path=customXml/itemProps1.xml><?xml version="1.0" encoding="utf-8"?>
<ds:datastoreItem xmlns:ds="http://schemas.openxmlformats.org/officeDocument/2006/customXml" ds:itemID="{601C2DA9-0ECB-40B8-829B-F8B770BC3517}">
  <ds:schemaRefs/>
</ds:datastoreItem>
</file>

<file path=customXml/itemProps10.xml><?xml version="1.0" encoding="utf-8"?>
<ds:datastoreItem xmlns:ds="http://schemas.openxmlformats.org/officeDocument/2006/customXml" ds:itemID="{C0306F39-B1EA-4CD8-8C9F-5FAC307EF576}">
  <ds:schemaRefs/>
</ds:datastoreItem>
</file>

<file path=customXml/itemProps11.xml><?xml version="1.0" encoding="utf-8"?>
<ds:datastoreItem xmlns:ds="http://schemas.openxmlformats.org/officeDocument/2006/customXml" ds:itemID="{78D50669-2015-4A85-8764-456CDBBEB9DF}">
  <ds:schemaRefs/>
</ds:datastoreItem>
</file>

<file path=customXml/itemProps12.xml><?xml version="1.0" encoding="utf-8"?>
<ds:datastoreItem xmlns:ds="http://schemas.openxmlformats.org/officeDocument/2006/customXml" ds:itemID="{72954E14-1555-43D6-9271-2329DFACC18D}">
  <ds:schemaRefs/>
</ds:datastoreItem>
</file>

<file path=customXml/itemProps13.xml><?xml version="1.0" encoding="utf-8"?>
<ds:datastoreItem xmlns:ds="http://schemas.openxmlformats.org/officeDocument/2006/customXml" ds:itemID="{C088729A-453B-42A8-9BD0-86C4AF643138}">
  <ds:schemaRefs/>
</ds:datastoreItem>
</file>

<file path=customXml/itemProps14.xml><?xml version="1.0" encoding="utf-8"?>
<ds:datastoreItem xmlns:ds="http://schemas.openxmlformats.org/officeDocument/2006/customXml" ds:itemID="{BCBAB2EC-0D41-4780-92BC-AE42E0B61281}">
  <ds:schemaRefs/>
</ds:datastoreItem>
</file>

<file path=customXml/itemProps15.xml><?xml version="1.0" encoding="utf-8"?>
<ds:datastoreItem xmlns:ds="http://schemas.openxmlformats.org/officeDocument/2006/customXml" ds:itemID="{FB4934AD-8F70-43CA-8C44-05E5DA4E8BC7}">
  <ds:schemaRefs/>
</ds:datastoreItem>
</file>

<file path=customXml/itemProps16.xml><?xml version="1.0" encoding="utf-8"?>
<ds:datastoreItem xmlns:ds="http://schemas.openxmlformats.org/officeDocument/2006/customXml" ds:itemID="{487F9A08-4561-40B9-A098-0038DC10E03D}">
  <ds:schemaRefs/>
</ds:datastoreItem>
</file>

<file path=customXml/itemProps17.xml><?xml version="1.0" encoding="utf-8"?>
<ds:datastoreItem xmlns:ds="http://schemas.openxmlformats.org/officeDocument/2006/customXml" ds:itemID="{9DD4E82E-3011-447C-A379-AEF6AF649911}">
  <ds:schemaRefs/>
</ds:datastoreItem>
</file>

<file path=customXml/itemProps18.xml><?xml version="1.0" encoding="utf-8"?>
<ds:datastoreItem xmlns:ds="http://schemas.openxmlformats.org/officeDocument/2006/customXml" ds:itemID="{F76C6E4D-4D7C-4A33-B8E1-D3F83B64C506}">
  <ds:schemaRefs/>
</ds:datastoreItem>
</file>

<file path=customXml/itemProps19.xml><?xml version="1.0" encoding="utf-8"?>
<ds:datastoreItem xmlns:ds="http://schemas.openxmlformats.org/officeDocument/2006/customXml" ds:itemID="{0902A179-21C9-46A5-8A03-55358E75ADBD}">
  <ds:schemaRefs/>
</ds:datastoreItem>
</file>

<file path=customXml/itemProps2.xml><?xml version="1.0" encoding="utf-8"?>
<ds:datastoreItem xmlns:ds="http://schemas.openxmlformats.org/officeDocument/2006/customXml" ds:itemID="{6100C91F-A489-43CB-A360-40E1EDA96BA0}">
  <ds:schemaRefs/>
</ds:datastoreItem>
</file>

<file path=customXml/itemProps20.xml><?xml version="1.0" encoding="utf-8"?>
<ds:datastoreItem xmlns:ds="http://schemas.openxmlformats.org/officeDocument/2006/customXml" ds:itemID="{41C688D0-9F68-4A82-B7E8-BFD81FF6E778}">
  <ds:schemaRefs/>
</ds:datastoreItem>
</file>

<file path=customXml/itemProps21.xml><?xml version="1.0" encoding="utf-8"?>
<ds:datastoreItem xmlns:ds="http://schemas.openxmlformats.org/officeDocument/2006/customXml" ds:itemID="{F6236E18-26EF-48A7-A349-EAA04B90AFE3}">
  <ds:schemaRefs/>
</ds:datastoreItem>
</file>

<file path=customXml/itemProps22.xml><?xml version="1.0" encoding="utf-8"?>
<ds:datastoreItem xmlns:ds="http://schemas.openxmlformats.org/officeDocument/2006/customXml" ds:itemID="{E5EDD809-C1A0-4FAE-B9EB-D09F9FDBD66E}">
  <ds:schemaRefs/>
</ds:datastoreItem>
</file>

<file path=customXml/itemProps23.xml><?xml version="1.0" encoding="utf-8"?>
<ds:datastoreItem xmlns:ds="http://schemas.openxmlformats.org/officeDocument/2006/customXml" ds:itemID="{4993D408-AD42-4F43-878D-441A20616341}">
  <ds:schemaRefs/>
</ds:datastoreItem>
</file>

<file path=customXml/itemProps24.xml><?xml version="1.0" encoding="utf-8"?>
<ds:datastoreItem xmlns:ds="http://schemas.openxmlformats.org/officeDocument/2006/customXml" ds:itemID="{7775C86D-263C-4038-A469-22F8D2202064}">
  <ds:schemaRefs/>
</ds:datastoreItem>
</file>

<file path=customXml/itemProps25.xml><?xml version="1.0" encoding="utf-8"?>
<ds:datastoreItem xmlns:ds="http://schemas.openxmlformats.org/officeDocument/2006/customXml" ds:itemID="{F6B7D428-F7E0-4001-B7EB-0F301FD08CE9}">
  <ds:schemaRefs/>
</ds:datastoreItem>
</file>

<file path=customXml/itemProps26.xml><?xml version="1.0" encoding="utf-8"?>
<ds:datastoreItem xmlns:ds="http://schemas.openxmlformats.org/officeDocument/2006/customXml" ds:itemID="{1754B2F5-0CFB-4C3B-BF46-547FCCC52010}">
  <ds:schemaRefs/>
</ds:datastoreItem>
</file>

<file path=customXml/itemProps27.xml><?xml version="1.0" encoding="utf-8"?>
<ds:datastoreItem xmlns:ds="http://schemas.openxmlformats.org/officeDocument/2006/customXml" ds:itemID="{0C025809-6041-457B-BC9F-44292345C815}">
  <ds:schemaRefs/>
</ds:datastoreItem>
</file>

<file path=customXml/itemProps28.xml><?xml version="1.0" encoding="utf-8"?>
<ds:datastoreItem xmlns:ds="http://schemas.openxmlformats.org/officeDocument/2006/customXml" ds:itemID="{AC326581-03A3-4CE6-98F5-4920E47EAFAC}">
  <ds:schemaRefs>
    <ds:schemaRef ds:uri="Strauss.PersonalizationDefinition"/>
  </ds:schemaRefs>
</ds:datastoreItem>
</file>

<file path=customXml/itemProps29.xml><?xml version="1.0" encoding="utf-8"?>
<ds:datastoreItem xmlns:ds="http://schemas.openxmlformats.org/officeDocument/2006/customXml" ds:itemID="{0601D20D-B77E-4675-887A-9408730A9A79}">
  <ds:schemaRefs>
    <ds:schemaRef ds:uri="http://documotor.com/customXml"/>
    <ds:schemaRef ds:uri="http://documotor.com/customXml/json"/>
    <ds:schemaRef ds:uri="http://documotor.com/customXml/string"/>
  </ds:schemaRefs>
</ds:datastoreItem>
</file>

<file path=customXml/itemProps3.xml><?xml version="1.0" encoding="utf-8"?>
<ds:datastoreItem xmlns:ds="http://schemas.openxmlformats.org/officeDocument/2006/customXml" ds:itemID="{AE7A5436-BD72-4F7A-8F0C-8515357F4628}"/>
</file>

<file path=customXml/itemProps30.xml><?xml version="1.0" encoding="utf-8"?>
<ds:datastoreItem xmlns:ds="http://schemas.openxmlformats.org/officeDocument/2006/customXml" ds:itemID="{9ED315F1-B5B0-8B40-BC3D-70CDCB1C5BBA}">
  <ds:schemaRefs>
    <ds:schemaRef ds:uri="Strauss.PersonalizationDefinition"/>
  </ds:schemaRefs>
</ds:datastoreItem>
</file>

<file path=customXml/itemProps31.xml><?xml version="1.0" encoding="utf-8"?>
<ds:datastoreItem xmlns:ds="http://schemas.openxmlformats.org/officeDocument/2006/customXml" ds:itemID="{296ADAF9-5DAD-47E1-983D-E92DDAFF4827}">
  <ds:schemaRefs/>
</ds:datastoreItem>
</file>

<file path=customXml/itemProps32.xml><?xml version="1.0" encoding="utf-8"?>
<ds:datastoreItem xmlns:ds="http://schemas.openxmlformats.org/officeDocument/2006/customXml" ds:itemID="{FDD1BB65-FD30-4887-AC3C-43F6FBE9DA8A}">
  <ds:schemaRefs/>
</ds:datastoreItem>
</file>

<file path=customXml/itemProps33.xml><?xml version="1.0" encoding="utf-8"?>
<ds:datastoreItem xmlns:ds="http://schemas.openxmlformats.org/officeDocument/2006/customXml" ds:itemID="{EA24B656-BDE5-4D34-B8D8-03C3B23B88DB}">
  <ds:schemaRefs/>
</ds:datastoreItem>
</file>

<file path=customXml/itemProps34.xml><?xml version="1.0" encoding="utf-8"?>
<ds:datastoreItem xmlns:ds="http://schemas.openxmlformats.org/officeDocument/2006/customXml" ds:itemID="{AE7B7DA8-8A5A-4E8C-82EF-A0759DB11285}">
  <ds:schemaRefs/>
</ds:datastoreItem>
</file>

<file path=customXml/itemProps35.xml><?xml version="1.0" encoding="utf-8"?>
<ds:datastoreItem xmlns:ds="http://schemas.openxmlformats.org/officeDocument/2006/customXml" ds:itemID="{BD98B58B-D4F0-4255-B174-A3CF55CB74C5}">
  <ds:schemaRefs/>
</ds:datastoreItem>
</file>

<file path=customXml/itemProps36.xml><?xml version="1.0" encoding="utf-8"?>
<ds:datastoreItem xmlns:ds="http://schemas.openxmlformats.org/officeDocument/2006/customXml" ds:itemID="{18D025E7-7705-42DB-AE3B-F29F12965E2E}">
  <ds:schemaRefs/>
</ds:datastoreItem>
</file>

<file path=customXml/itemProps37.xml><?xml version="1.0" encoding="utf-8"?>
<ds:datastoreItem xmlns:ds="http://schemas.openxmlformats.org/officeDocument/2006/customXml" ds:itemID="{CED3EF42-202A-427E-8234-80B77681CDE8}">
  <ds:schemaRefs/>
</ds:datastoreItem>
</file>

<file path=customXml/itemProps38.xml><?xml version="1.0" encoding="utf-8"?>
<ds:datastoreItem xmlns:ds="http://schemas.openxmlformats.org/officeDocument/2006/customXml" ds:itemID="{CEDCCF51-501D-4EE4-9CB6-4F1E4D91BA73}">
  <ds:schemaRefs/>
</ds:datastoreItem>
</file>

<file path=customXml/itemProps39.xml><?xml version="1.0" encoding="utf-8"?>
<ds:datastoreItem xmlns:ds="http://schemas.openxmlformats.org/officeDocument/2006/customXml" ds:itemID="{032B8563-04F4-440E-85BA-6B94AFE8229C}">
  <ds:schemaRefs/>
</ds:datastoreItem>
</file>

<file path=customXml/itemProps4.xml><?xml version="1.0" encoding="utf-8"?>
<ds:datastoreItem xmlns:ds="http://schemas.openxmlformats.org/officeDocument/2006/customXml" ds:itemID="{8A661E83-3D63-4E16-AB6F-6E79E2B4897D}">
  <ds:schemaRefs/>
</ds:datastoreItem>
</file>

<file path=customXml/itemProps40.xml><?xml version="1.0" encoding="utf-8"?>
<ds:datastoreItem xmlns:ds="http://schemas.openxmlformats.org/officeDocument/2006/customXml" ds:itemID="{41DB58A0-96CB-C943-AA61-D327FAF31DFB}">
  <ds:schemaRefs>
    <ds:schemaRef ds:uri="Strauss.PersonalizationDefinition"/>
  </ds:schemaRefs>
</ds:datastoreItem>
</file>

<file path=customXml/itemProps41.xml><?xml version="1.0" encoding="utf-8"?>
<ds:datastoreItem xmlns:ds="http://schemas.openxmlformats.org/officeDocument/2006/customXml" ds:itemID="{861E5D78-DE9F-4113-8718-843227FB1FCA}">
  <ds:schemaRefs/>
</ds:datastoreItem>
</file>

<file path=customXml/itemProps42.xml><?xml version="1.0" encoding="utf-8"?>
<ds:datastoreItem xmlns:ds="http://schemas.openxmlformats.org/officeDocument/2006/customXml" ds:itemID="{280F9D13-B9C7-4CF7-8210-6D1B79ED3903}">
  <ds:schemaRefs/>
</ds:datastoreItem>
</file>

<file path=customXml/itemProps43.xml><?xml version="1.0" encoding="utf-8"?>
<ds:datastoreItem xmlns:ds="http://schemas.openxmlformats.org/officeDocument/2006/customXml" ds:itemID="{6726BC07-0976-4241-A2F1-758A321D7318}">
  <ds:schemaRefs/>
</ds:datastoreItem>
</file>

<file path=customXml/itemProps44.xml><?xml version="1.0" encoding="utf-8"?>
<ds:datastoreItem xmlns:ds="http://schemas.openxmlformats.org/officeDocument/2006/customXml" ds:itemID="{DFC74A73-9411-4BD0-AD84-B067B1384A56}">
  <ds:schemaRefs/>
</ds:datastoreItem>
</file>

<file path=customXml/itemProps45.xml><?xml version="1.0" encoding="utf-8"?>
<ds:datastoreItem xmlns:ds="http://schemas.openxmlformats.org/officeDocument/2006/customXml" ds:itemID="{84999E8F-EB0B-E34D-AB19-59D321924D85}">
  <ds:schemaRefs>
    <ds:schemaRef ds:uri="Strauss.PersonalizationDefinition"/>
  </ds:schemaRefs>
</ds:datastoreItem>
</file>

<file path=customXml/itemProps46.xml><?xml version="1.0" encoding="utf-8"?>
<ds:datastoreItem xmlns:ds="http://schemas.openxmlformats.org/officeDocument/2006/customXml" ds:itemID="{F8E5A0FA-34BF-4C7A-9C56-E16C8A3BBFD7}">
  <ds:schemaRefs/>
</ds:datastoreItem>
</file>

<file path=customXml/itemProps47.xml><?xml version="1.0" encoding="utf-8"?>
<ds:datastoreItem xmlns:ds="http://schemas.openxmlformats.org/officeDocument/2006/customXml" ds:itemID="{ABA7D7D1-B8EE-4449-8E31-A17A42981F81}">
  <ds:schemaRefs/>
</ds:datastoreItem>
</file>

<file path=customXml/itemProps48.xml><?xml version="1.0" encoding="utf-8"?>
<ds:datastoreItem xmlns:ds="http://schemas.openxmlformats.org/officeDocument/2006/customXml" ds:itemID="{CCB77C58-A4E7-4E7A-88B8-BB8B6790E7C9}">
  <ds:schemaRefs/>
</ds:datastoreItem>
</file>

<file path=customXml/itemProps49.xml><?xml version="1.0" encoding="utf-8"?>
<ds:datastoreItem xmlns:ds="http://schemas.openxmlformats.org/officeDocument/2006/customXml" ds:itemID="{FDE7757B-BEB6-434C-9C08-2BDD56210003}">
  <ds:schemaRefs/>
</ds:datastoreItem>
</file>

<file path=customXml/itemProps5.xml><?xml version="1.0" encoding="utf-8"?>
<ds:datastoreItem xmlns:ds="http://schemas.openxmlformats.org/officeDocument/2006/customXml" ds:itemID="{DCC2F75B-2831-403A-80B4-8ACF4EA8E0B0}">
  <ds:schemaRefs/>
</ds:datastoreItem>
</file>

<file path=customXml/itemProps50.xml><?xml version="1.0" encoding="utf-8"?>
<ds:datastoreItem xmlns:ds="http://schemas.openxmlformats.org/officeDocument/2006/customXml" ds:itemID="{9A4B4915-A6E3-4001-8006-87C517FBD5F4}">
  <ds:schemaRefs>
    <ds:schemaRef ds:uri="Strauss.PersonalizationDefinition"/>
  </ds:schemaRefs>
</ds:datastoreItem>
</file>

<file path=customXml/itemProps51.xml><?xml version="1.0" encoding="utf-8"?>
<ds:datastoreItem xmlns:ds="http://schemas.openxmlformats.org/officeDocument/2006/customXml" ds:itemID="{150B0215-30CB-44F7-848D-A1631883E52C}">
  <ds:schemaRefs/>
</ds:datastoreItem>
</file>

<file path=customXml/itemProps52.xml><?xml version="1.0" encoding="utf-8"?>
<ds:datastoreItem xmlns:ds="http://schemas.openxmlformats.org/officeDocument/2006/customXml" ds:itemID="{18B03890-B295-40D4-A6CD-2907AEF92B70}">
  <ds:schemaRefs/>
</ds:datastoreItem>
</file>

<file path=customXml/itemProps53.xml><?xml version="1.0" encoding="utf-8"?>
<ds:datastoreItem xmlns:ds="http://schemas.openxmlformats.org/officeDocument/2006/customXml" ds:itemID="{65DB9D0C-B415-F745-A8A3-1577FE54AEC0}">
  <ds:schemaRefs>
    <ds:schemaRef ds:uri="Strauss.PersonalizationDefinition"/>
  </ds:schemaRefs>
</ds:datastoreItem>
</file>

<file path=customXml/itemProps54.xml><?xml version="1.0" encoding="utf-8"?>
<ds:datastoreItem xmlns:ds="http://schemas.openxmlformats.org/officeDocument/2006/customXml" ds:itemID="{E3EC85BE-504D-4A31-A5DC-4904C905EC8B}">
  <ds:schemaRefs/>
</ds:datastoreItem>
</file>

<file path=customXml/itemProps55.xml><?xml version="1.0" encoding="utf-8"?>
<ds:datastoreItem xmlns:ds="http://schemas.openxmlformats.org/officeDocument/2006/customXml" ds:itemID="{484BE992-BDF3-4C89-87B9-7DCDDB1ED4B3}">
  <ds:schemaRefs/>
</ds:datastoreItem>
</file>

<file path=customXml/itemProps56.xml><?xml version="1.0" encoding="utf-8"?>
<ds:datastoreItem xmlns:ds="http://schemas.openxmlformats.org/officeDocument/2006/customXml" ds:itemID="{585462BA-612F-483C-B684-855569205F9C}">
  <ds:schemaRefs/>
</ds:datastoreItem>
</file>

<file path=customXml/itemProps57.xml><?xml version="1.0" encoding="utf-8"?>
<ds:datastoreItem xmlns:ds="http://schemas.openxmlformats.org/officeDocument/2006/customXml" ds:itemID="{B3C08D85-7CAA-4FA6-9BC2-B7CA4E2EA9E5}">
  <ds:schemaRefs/>
</ds:datastoreItem>
</file>

<file path=customXml/itemProps58.xml><?xml version="1.0" encoding="utf-8"?>
<ds:datastoreItem xmlns:ds="http://schemas.openxmlformats.org/officeDocument/2006/customXml" ds:itemID="{5A163844-9FA6-4AEC-8AE4-2318E77358A4}">
  <ds:schemaRefs/>
</ds:datastoreItem>
</file>

<file path=customXml/itemProps59.xml><?xml version="1.0" encoding="utf-8"?>
<ds:datastoreItem xmlns:ds="http://schemas.openxmlformats.org/officeDocument/2006/customXml" ds:itemID="{E2153BE3-D549-1648-9EEA-A98B128F2609}">
  <ds:schemaRefs>
    <ds:schemaRef ds:uri="Strauss.PersonalizationDefinition"/>
  </ds:schemaRefs>
</ds:datastoreItem>
</file>

<file path=customXml/itemProps6.xml><?xml version="1.0" encoding="utf-8"?>
<ds:datastoreItem xmlns:ds="http://schemas.openxmlformats.org/officeDocument/2006/customXml" ds:itemID="{1C7BB713-C872-4CE3-AB96-C236F640CD75}">
  <ds:schemaRefs/>
</ds:datastoreItem>
</file>

<file path=customXml/itemProps60.xml><?xml version="1.0" encoding="utf-8"?>
<ds:datastoreItem xmlns:ds="http://schemas.openxmlformats.org/officeDocument/2006/customXml" ds:itemID="{EC2326C4-53DF-435A-ABD4-1A42653E0B66}">
  <ds:schemaRefs/>
</ds:datastoreItem>
</file>

<file path=customXml/itemProps61.xml><?xml version="1.0" encoding="utf-8"?>
<ds:datastoreItem xmlns:ds="http://schemas.openxmlformats.org/officeDocument/2006/customXml" ds:itemID="{B89E99F4-9D62-4284-8E18-96319C889335}">
  <ds:schemaRefs/>
</ds:datastoreItem>
</file>

<file path=customXml/itemProps62.xml><?xml version="1.0" encoding="utf-8"?>
<ds:datastoreItem xmlns:ds="http://schemas.openxmlformats.org/officeDocument/2006/customXml" ds:itemID="{6A7FDBB2-D2C7-45CB-91D6-023C26FCDBEB}">
  <ds:schemaRefs/>
</ds:datastoreItem>
</file>

<file path=customXml/itemProps63.xml><?xml version="1.0" encoding="utf-8"?>
<ds:datastoreItem xmlns:ds="http://schemas.openxmlformats.org/officeDocument/2006/customXml" ds:itemID="{EFABE691-DBA4-42D2-B8F7-FC4E98C04AEC}">
  <ds:schemaRefs/>
</ds:datastoreItem>
</file>

<file path=customXml/itemProps64.xml><?xml version="1.0" encoding="utf-8"?>
<ds:datastoreItem xmlns:ds="http://schemas.openxmlformats.org/officeDocument/2006/customXml" ds:itemID="{96D66A42-6BBD-4CAC-9C6D-85CCD0B8714D}">
  <ds:schemaRefs>
    <ds:schemaRef ds:uri="http://schemas.microsoft.com/sharepoint/v3/contenttype/forms"/>
  </ds:schemaRefs>
</ds:datastoreItem>
</file>

<file path=customXml/itemProps65.xml><?xml version="1.0" encoding="utf-8"?>
<ds:datastoreItem xmlns:ds="http://schemas.openxmlformats.org/officeDocument/2006/customXml" ds:itemID="{3D4D984E-A657-40E3-BB42-7B1DF84FDB5B}">
  <ds:schemaRefs/>
</ds:datastoreItem>
</file>

<file path=customXml/itemProps66.xml><?xml version="1.0" encoding="utf-8"?>
<ds:datastoreItem xmlns:ds="http://schemas.openxmlformats.org/officeDocument/2006/customXml" ds:itemID="{83A78971-8A34-4C89-897E-A0E4413F81C6}">
  <ds:schemaRefs/>
</ds:datastoreItem>
</file>

<file path=customXml/itemProps67.xml><?xml version="1.0" encoding="utf-8"?>
<ds:datastoreItem xmlns:ds="http://schemas.openxmlformats.org/officeDocument/2006/customXml" ds:itemID="{A4312581-F139-4495-8BE4-C7E6AF089D23}">
  <ds:schemaRefs/>
</ds:datastoreItem>
</file>

<file path=customXml/itemProps68.xml><?xml version="1.0" encoding="utf-8"?>
<ds:datastoreItem xmlns:ds="http://schemas.openxmlformats.org/officeDocument/2006/customXml" ds:itemID="{DAECA5C7-F0AE-4632-820B-86C495FB3D2D}">
  <ds:schemaRefs>
    <ds:schemaRef ds:uri="Strauss.PersonalizationDefinition"/>
  </ds:schemaRefs>
</ds:datastoreItem>
</file>

<file path=customXml/itemProps69.xml><?xml version="1.0" encoding="utf-8"?>
<ds:datastoreItem xmlns:ds="http://schemas.openxmlformats.org/officeDocument/2006/customXml" ds:itemID="{20B741F3-3D0E-4492-BCB8-0D8506DC0E18}">
  <ds:schemaRefs/>
</ds:datastoreItem>
</file>

<file path=customXml/itemProps7.xml><?xml version="1.0" encoding="utf-8"?>
<ds:datastoreItem xmlns:ds="http://schemas.openxmlformats.org/officeDocument/2006/customXml" ds:itemID="{B6B6B274-0F4B-4C26-B69E-FE4BAD76A15E}">
  <ds:schemaRefs/>
</ds:datastoreItem>
</file>

<file path=customXml/itemProps70.xml><?xml version="1.0" encoding="utf-8"?>
<ds:datastoreItem xmlns:ds="http://schemas.openxmlformats.org/officeDocument/2006/customXml" ds:itemID="{C12F4178-1735-4F47-8E17-A53607F26C1B}">
  <ds:schemaRefs/>
</ds:datastoreItem>
</file>

<file path=customXml/itemProps71.xml><?xml version="1.0" encoding="utf-8"?>
<ds:datastoreItem xmlns:ds="http://schemas.openxmlformats.org/officeDocument/2006/customXml" ds:itemID="{234C06A1-3F73-413D-87BA-2D93375A8E69}">
  <ds:schemaRefs/>
</ds:datastoreItem>
</file>

<file path=customXml/itemProps72.xml><?xml version="1.0" encoding="utf-8"?>
<ds:datastoreItem xmlns:ds="http://schemas.openxmlformats.org/officeDocument/2006/customXml" ds:itemID="{1C338B8A-E8D3-479D-8A37-A479A07D36B5}">
  <ds:schemaRefs/>
</ds:datastoreItem>
</file>

<file path=customXml/itemProps73.xml><?xml version="1.0" encoding="utf-8"?>
<ds:datastoreItem xmlns:ds="http://schemas.openxmlformats.org/officeDocument/2006/customXml" ds:itemID="{F5656ECE-5673-4230-930B-E62925905E30}">
  <ds:schemaRefs/>
</ds:datastoreItem>
</file>

<file path=customXml/itemProps74.xml><?xml version="1.0" encoding="utf-8"?>
<ds:datastoreItem xmlns:ds="http://schemas.openxmlformats.org/officeDocument/2006/customXml" ds:itemID="{646289F3-98BB-4F3A-8927-243563DC9994}">
  <ds:schemaRefs>
    <ds:schemaRef ds:uri="http://purl.org/dc/elements/1.1/"/>
    <ds:schemaRef ds:uri="http://schemas.microsoft.com/office/2006/metadata/properties"/>
    <ds:schemaRef ds:uri="fe0e463f-46c1-4b5a-aeae-2e65b5901510"/>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adc6f7d2-2fd4-4c58-add3-50ea831b733c"/>
    <ds:schemaRef ds:uri="http://www.w3.org/XML/1998/namespace"/>
    <ds:schemaRef ds:uri="http://purl.org/dc/dcmitype/"/>
  </ds:schemaRefs>
</ds:datastoreItem>
</file>

<file path=customXml/itemProps75.xml><?xml version="1.0" encoding="utf-8"?>
<ds:datastoreItem xmlns:ds="http://schemas.openxmlformats.org/officeDocument/2006/customXml" ds:itemID="{ABF0AB7F-3FDC-47FB-96BB-A25F2BCFB77A}">
  <ds:schemaRefs/>
</ds:datastoreItem>
</file>

<file path=customXml/itemProps76.xml><?xml version="1.0" encoding="utf-8"?>
<ds:datastoreItem xmlns:ds="http://schemas.openxmlformats.org/officeDocument/2006/customXml" ds:itemID="{89F24395-14AF-42BF-B14F-5B1DD141607B}">
  <ds:schemaRefs/>
</ds:datastoreItem>
</file>

<file path=customXml/itemProps77.xml><?xml version="1.0" encoding="utf-8"?>
<ds:datastoreItem xmlns:ds="http://schemas.openxmlformats.org/officeDocument/2006/customXml" ds:itemID="{BAABFC96-FD59-4BAB-8A99-9A7F1A087B55}">
  <ds:schemaRefs/>
</ds:datastoreItem>
</file>

<file path=customXml/itemProps78.xml><?xml version="1.0" encoding="utf-8"?>
<ds:datastoreItem xmlns:ds="http://schemas.openxmlformats.org/officeDocument/2006/customXml" ds:itemID="{093039D3-3019-4202-878C-8E102E5A4353}">
  <ds:schemaRefs/>
</ds:datastoreItem>
</file>

<file path=customXml/itemProps79.xml><?xml version="1.0" encoding="utf-8"?>
<ds:datastoreItem xmlns:ds="http://schemas.openxmlformats.org/officeDocument/2006/customXml" ds:itemID="{636527B3-BD2A-40B2-854A-12C3AC71D144}">
  <ds:schemaRefs/>
</ds:datastoreItem>
</file>

<file path=customXml/itemProps8.xml><?xml version="1.0" encoding="utf-8"?>
<ds:datastoreItem xmlns:ds="http://schemas.openxmlformats.org/officeDocument/2006/customXml" ds:itemID="{18A68939-747A-4307-B60F-BB8EDCA42B26}">
  <ds:schemaRefs/>
</ds:datastoreItem>
</file>

<file path=customXml/itemProps80.xml><?xml version="1.0" encoding="utf-8"?>
<ds:datastoreItem xmlns:ds="http://schemas.openxmlformats.org/officeDocument/2006/customXml" ds:itemID="{9430BFDE-1F37-4F42-B551-BEAD19F28E88}">
  <ds:schemaRefs>
    <ds:schemaRef ds:uri="Strauss.PersonalizationDefinition"/>
  </ds:schemaRefs>
</ds:datastoreItem>
</file>

<file path=customXml/itemProps81.xml><?xml version="1.0" encoding="utf-8"?>
<ds:datastoreItem xmlns:ds="http://schemas.openxmlformats.org/officeDocument/2006/customXml" ds:itemID="{40C71370-2F0E-4B1B-AAF9-9C761BB8CEEE}">
  <ds:schemaRefs/>
</ds:datastoreItem>
</file>

<file path=customXml/itemProps82.xml><?xml version="1.0" encoding="utf-8"?>
<ds:datastoreItem xmlns:ds="http://schemas.openxmlformats.org/officeDocument/2006/customXml" ds:itemID="{5B286C72-485A-40CA-AD03-A46DA700B33F}">
  <ds:schemaRefs/>
</ds:datastoreItem>
</file>

<file path=customXml/itemProps83.xml><?xml version="1.0" encoding="utf-8"?>
<ds:datastoreItem xmlns:ds="http://schemas.openxmlformats.org/officeDocument/2006/customXml" ds:itemID="{410A9E52-E772-41A9-8272-69534BF8E5B3}">
  <ds:schemaRefs/>
</ds:datastoreItem>
</file>

<file path=customXml/itemProps84.xml><?xml version="1.0" encoding="utf-8"?>
<ds:datastoreItem xmlns:ds="http://schemas.openxmlformats.org/officeDocument/2006/customXml" ds:itemID="{7CA0B0F9-B5BA-4B17-8B54-6DEE566B8864}">
  <ds:schemaRefs/>
</ds:datastoreItem>
</file>

<file path=customXml/itemProps85.xml><?xml version="1.0" encoding="utf-8"?>
<ds:datastoreItem xmlns:ds="http://schemas.openxmlformats.org/officeDocument/2006/customXml" ds:itemID="{10605FB1-61CA-B74E-B63B-7F52F3B8A818}">
  <ds:schemaRefs>
    <ds:schemaRef ds:uri="Strauss.PersonalizationDefinition"/>
  </ds:schemaRefs>
</ds:datastoreItem>
</file>

<file path=customXml/itemProps86.xml><?xml version="1.0" encoding="utf-8"?>
<ds:datastoreItem xmlns:ds="http://schemas.openxmlformats.org/officeDocument/2006/customXml" ds:itemID="{E84D3486-8F23-4E5F-A17E-DD3A7C9FDBD0}">
  <ds:schemaRefs/>
</ds:datastoreItem>
</file>

<file path=customXml/itemProps9.xml><?xml version="1.0" encoding="utf-8"?>
<ds:datastoreItem xmlns:ds="http://schemas.openxmlformats.org/officeDocument/2006/customXml" ds:itemID="{12D25D46-9C48-4F4E-BB30-26D57D01B5C1}">
  <ds:schemaRefs>
    <ds:schemaRef ds:uri="Strauss.PersonalizationDefinition"/>
  </ds:schemaRefs>
</ds:datastoreItem>
</file>

<file path=docProps/app.xml><?xml version="1.0" encoding="utf-8"?>
<Properties xmlns="http://schemas.openxmlformats.org/officeDocument/2006/extended-properties" xmlns:vt="http://schemas.openxmlformats.org/officeDocument/2006/docPropsVTypes">
  <TotalTime>6732</TotalTime>
  <Words>2814</Words>
  <Application>Microsoft Office PowerPoint</Application>
  <PresentationFormat>Widescreen</PresentationFormat>
  <Paragraphs>358</Paragraphs>
  <Slides>25</Slides>
  <Notes>21</Notes>
  <HiddenSlides>0</HiddenSlides>
  <MMClips>0</MMClips>
  <ScaleCrop>false</ScaleCrop>
  <HeadingPairs>
    <vt:vector size="6" baseType="variant">
      <vt:variant>
        <vt:lpstr>Fonts Used</vt:lpstr>
      </vt:variant>
      <vt:variant>
        <vt:i4>7</vt:i4>
      </vt:variant>
      <vt:variant>
        <vt:lpstr>Theme</vt:lpstr>
      </vt:variant>
      <vt:variant>
        <vt:i4>3</vt:i4>
      </vt:variant>
      <vt:variant>
        <vt:lpstr>Slide Titles</vt:lpstr>
      </vt:variant>
      <vt:variant>
        <vt:i4>25</vt:i4>
      </vt:variant>
    </vt:vector>
  </HeadingPairs>
  <TitlesOfParts>
    <vt:vector size="35" baseType="lpstr">
      <vt:lpstr>Arial</vt:lpstr>
      <vt:lpstr>Calibri</vt:lpstr>
      <vt:lpstr>Consolas</vt:lpstr>
      <vt:lpstr>Open Sans</vt:lpstr>
      <vt:lpstr>Open Sans Semibold</vt:lpstr>
      <vt:lpstr>SFMono-Regular</vt:lpstr>
      <vt:lpstr>System Font Regular</vt:lpstr>
      <vt:lpstr>Office Theme</vt:lpstr>
      <vt:lpstr>1_Office Theme</vt:lpstr>
      <vt:lpstr>2_Office Theme</vt:lpstr>
      <vt:lpstr>Business Update</vt:lpstr>
      <vt:lpstr>Meet your ODP Business Solutions™ team</vt:lpstr>
      <vt:lpstr>Agenda</vt:lpstr>
      <vt:lpstr>New for year end 2025</vt:lpstr>
      <vt:lpstr>New for year end 2025</vt:lpstr>
      <vt:lpstr>The ODP story, simplified</vt:lpstr>
      <vt:lpstr>ODP Business Solutions SBA Highlights</vt:lpstr>
      <vt:lpstr>ODP Business Solutions Resource Center</vt:lpstr>
      <vt:lpstr>ODP Business Solutions Community Involvement</vt:lpstr>
      <vt:lpstr>ODP Business Solutions Mobile App</vt:lpstr>
      <vt:lpstr>Appendix</vt:lpstr>
      <vt:lpstr>ODP Business Solutions™ collection of brands</vt:lpstr>
      <vt:lpstr>Subscription services</vt:lpstr>
      <vt:lpstr>Our solutions</vt:lpstr>
      <vt:lpstr>Furniture and  space planning</vt:lpstr>
      <vt:lpstr>Comprehensive products and network</vt:lpstr>
      <vt:lpstr>Print, promo,  and apparel</vt:lpstr>
      <vt:lpstr>Print, promo, and apparel, continued</vt:lpstr>
      <vt:lpstr>Brand management eCommerce platform</vt:lpstr>
      <vt:lpstr>Technology solutions</vt:lpstr>
      <vt:lpstr>Workspace Facilities — cleaning</vt:lpstr>
      <vt:lpstr>Workspace Facilities — breakroom</vt:lpstr>
      <vt:lpstr>Evolution of business</vt:lpstr>
      <vt:lpstr>Q&amp;A</vt:lpstr>
      <vt:lpstr>Thank you</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ay Quach (Doremus)</dc:creator>
  <cp:lastModifiedBy>Darrin Quillen</cp:lastModifiedBy>
  <cp:revision>119</cp:revision>
  <dcterms:created xsi:type="dcterms:W3CDTF">2024-09-25T14:06:05Z</dcterms:created>
  <dcterms:modified xsi:type="dcterms:W3CDTF">2025-10-12T21:55:2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F1247B773D7AF42B31268DF6ECBEE93</vt:lpwstr>
  </property>
  <property fmtid="{D5CDD505-2E9C-101B-9397-08002B2CF9AE}" pid="3" name="MediaServiceImageTags">
    <vt:lpwstr/>
  </property>
  <property fmtid="{D5CDD505-2E9C-101B-9397-08002B2CF9AE}" pid="4" name="template_id">
    <vt:lpwstr>62f4f5ac7628c59a56463875</vt:lpwstr>
  </property>
  <property fmtid="{D5CDD505-2E9C-101B-9397-08002B2CF9AE}" pid="5" name="TemplafyTimeStamp">
    <vt:lpwstr>2024-06-19T16:31:26</vt:lpwstr>
  </property>
  <property fmtid="{D5CDD505-2E9C-101B-9397-08002B2CF9AE}" pid="6" name="TemplafyTenantId">
    <vt:lpwstr>odpbusiness</vt:lpwstr>
  </property>
  <property fmtid="{D5CDD505-2E9C-101B-9397-08002B2CF9AE}" pid="7" name="TemplafyTemplateId">
    <vt:lpwstr>637958170085246675</vt:lpwstr>
  </property>
  <property fmtid="{D5CDD505-2E9C-101B-9397-08002B2CF9AE}" pid="8" name="TemplafyUserProfileId">
    <vt:lpwstr>638035314965449320</vt:lpwstr>
  </property>
  <property fmtid="{D5CDD505-2E9C-101B-9397-08002B2CF9AE}" pid="9" name="TemplafyFromBlank">
    <vt:bool>false</vt:bool>
  </property>
</Properties>
</file>